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7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2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13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19"/>
  </p:notesMasterIdLst>
  <p:sldIdLst>
    <p:sldId id="256" r:id="rId2"/>
    <p:sldId id="260" r:id="rId3"/>
    <p:sldId id="309" r:id="rId4"/>
    <p:sldId id="301" r:id="rId5"/>
    <p:sldId id="341" r:id="rId6"/>
    <p:sldId id="311" r:id="rId7"/>
    <p:sldId id="297" r:id="rId8"/>
    <p:sldId id="314" r:id="rId9"/>
    <p:sldId id="333" r:id="rId10"/>
    <p:sldId id="342" r:id="rId11"/>
    <p:sldId id="334" r:id="rId12"/>
    <p:sldId id="320" r:id="rId13"/>
    <p:sldId id="335" r:id="rId14"/>
    <p:sldId id="319" r:id="rId15"/>
    <p:sldId id="325" r:id="rId16"/>
    <p:sldId id="295" r:id="rId17"/>
    <p:sldId id="270" r:id="rId1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356"/>
    <a:srgbClr val="426B6F"/>
    <a:srgbClr val="18697C"/>
    <a:srgbClr val="757575"/>
    <a:srgbClr val="262626"/>
    <a:srgbClr val="3F6374"/>
    <a:srgbClr val="795F0E"/>
    <a:srgbClr val="B01513"/>
    <a:srgbClr val="807EFA"/>
    <a:srgbClr val="F3F3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52669" autoAdjust="0"/>
  </p:normalViewPr>
  <p:slideViewPr>
    <p:cSldViewPr snapToGrid="0">
      <p:cViewPr>
        <p:scale>
          <a:sx n="48" d="100"/>
          <a:sy n="48" d="100"/>
        </p:scale>
        <p:origin x="-1542" y="-30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9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image" Target="../media/image22.png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diagrams/_rels/data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image" Target="../media/image38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image" Target="../media/image22.png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diagrams/_rels/drawing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image" Target="../media/image38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8237BE0-A08A-43B5-943C-1BC15045C70B}" type="doc">
      <dgm:prSet loTypeId="urn:microsoft.com/office/officeart/2005/8/layout/hList9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CB984D5A-8E58-413F-BC44-EFB2CCA2C2E4}">
      <dgm:prSet phldrT="[Testo]" custT="1"/>
      <dgm:spPr/>
      <dgm:t>
        <a:bodyPr/>
        <a:lstStyle/>
        <a:p>
          <a:r>
            <a:rPr lang="it-IT" sz="800" dirty="0" smtClean="0"/>
            <a:t>COMPORRE</a:t>
          </a:r>
          <a:endParaRPr lang="it-IT" sz="800" dirty="0"/>
        </a:p>
      </dgm:t>
    </dgm:pt>
    <dgm:pt modelId="{456DAC1A-D0B2-42B9-A831-397BC5ED2340}" type="parTrans" cxnId="{B643AAF3-951B-4989-9281-A40E1C72FAC3}">
      <dgm:prSet/>
      <dgm:spPr/>
      <dgm:t>
        <a:bodyPr/>
        <a:lstStyle/>
        <a:p>
          <a:endParaRPr lang="it-IT" sz="1400"/>
        </a:p>
      </dgm:t>
    </dgm:pt>
    <dgm:pt modelId="{33EF3315-EC47-48F7-A6B8-FB413BB16C42}" type="sibTrans" cxnId="{B643AAF3-951B-4989-9281-A40E1C72FAC3}">
      <dgm:prSet/>
      <dgm:spPr/>
      <dgm:t>
        <a:bodyPr/>
        <a:lstStyle/>
        <a:p>
          <a:endParaRPr lang="it-IT" sz="1400"/>
        </a:p>
      </dgm:t>
    </dgm:pt>
    <dgm:pt modelId="{AECBF1EA-AD07-4380-81EB-4D60933E10C2}">
      <dgm:prSet phldrT="[Testo]" custT="1"/>
      <dgm:spPr/>
      <dgm:t>
        <a:bodyPr/>
        <a:lstStyle/>
        <a:p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Predisporr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la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trasmission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informazion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: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nfidenziali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impegnative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formali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inviate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con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ricevut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recapito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o in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pi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noscenz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nascosta</a:t>
          </a:r>
          <a:endParaRPr lang="it-IT" sz="1100" dirty="0"/>
        </a:p>
      </dgm:t>
    </dgm:pt>
    <dgm:pt modelId="{E4354E5D-98ED-474A-87B5-57CFED070F5E}" type="parTrans" cxnId="{A5A0694B-B061-4A38-AA95-E2C0E49A093B}">
      <dgm:prSet/>
      <dgm:spPr/>
      <dgm:t>
        <a:bodyPr/>
        <a:lstStyle/>
        <a:p>
          <a:endParaRPr lang="it-IT" sz="1400"/>
        </a:p>
      </dgm:t>
    </dgm:pt>
    <dgm:pt modelId="{8E5FD702-A4A1-4E8B-AF60-BF6A6565E226}" type="sibTrans" cxnId="{A5A0694B-B061-4A38-AA95-E2C0E49A093B}">
      <dgm:prSet/>
      <dgm:spPr/>
      <dgm:t>
        <a:bodyPr/>
        <a:lstStyle/>
        <a:p>
          <a:endParaRPr lang="it-IT" sz="1400"/>
        </a:p>
      </dgm:t>
    </dgm:pt>
    <dgm:pt modelId="{9E57EAD0-EE10-44B8-BC94-3532C2F0B49E}">
      <dgm:prSet phldrT="[Testo]" custT="1"/>
      <dgm:spPr/>
      <dgm:t>
        <a:bodyPr/>
        <a:lstStyle/>
        <a:p>
          <a:r>
            <a:rPr lang="it-IT" sz="800" dirty="0" smtClean="0"/>
            <a:t>RICEVERE</a:t>
          </a:r>
          <a:endParaRPr lang="it-IT" sz="800" dirty="0"/>
        </a:p>
      </dgm:t>
    </dgm:pt>
    <dgm:pt modelId="{D97C3D23-E813-4A00-9237-9E7C9E2AE753}" type="parTrans" cxnId="{4D99B15E-43E9-40D9-99BC-2DE67EFA0AA6}">
      <dgm:prSet/>
      <dgm:spPr/>
      <dgm:t>
        <a:bodyPr/>
        <a:lstStyle/>
        <a:p>
          <a:endParaRPr lang="it-IT" sz="1400"/>
        </a:p>
      </dgm:t>
    </dgm:pt>
    <dgm:pt modelId="{8E420570-191D-4062-8636-4C8BC6A1C68E}" type="sibTrans" cxnId="{4D99B15E-43E9-40D9-99BC-2DE67EFA0AA6}">
      <dgm:prSet/>
      <dgm:spPr/>
      <dgm:t>
        <a:bodyPr/>
        <a:lstStyle/>
        <a:p>
          <a:endParaRPr lang="it-IT" sz="1400"/>
        </a:p>
      </dgm:t>
    </dgm:pt>
    <dgm:pt modelId="{D5647328-CE02-414F-80AD-3ECC41E8286A}">
      <dgm:prSet phldrT="[Testo]" custT="1"/>
      <dgm:spPr/>
      <dgm:t>
        <a:bodyPr/>
        <a:lstStyle/>
        <a:p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Difenders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dallo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spam</a:t>
          </a:r>
          <a:endParaRPr lang="it-IT" sz="1100" dirty="0"/>
        </a:p>
      </dgm:t>
    </dgm:pt>
    <dgm:pt modelId="{E484F515-55C2-4902-A563-8C8E0E10E76E}" type="parTrans" cxnId="{9DB711B1-BD17-446D-82B4-9452E0911F3D}">
      <dgm:prSet/>
      <dgm:spPr/>
      <dgm:t>
        <a:bodyPr/>
        <a:lstStyle/>
        <a:p>
          <a:endParaRPr lang="it-IT" sz="1400"/>
        </a:p>
      </dgm:t>
    </dgm:pt>
    <dgm:pt modelId="{1C9DE8DA-BE2F-4AE6-8797-9DAA8C390A8F}" type="sibTrans" cxnId="{9DB711B1-BD17-446D-82B4-9452E0911F3D}">
      <dgm:prSet/>
      <dgm:spPr/>
      <dgm:t>
        <a:bodyPr/>
        <a:lstStyle/>
        <a:p>
          <a:endParaRPr lang="it-IT" sz="1400"/>
        </a:p>
      </dgm:t>
    </dgm:pt>
    <dgm:pt modelId="{037A0838-E4E9-4CBC-8929-605914FA7EF8}">
      <dgm:prSet phldrT="[Testo]" custT="1"/>
      <dgm:spPr/>
      <dgm:t>
        <a:bodyPr/>
        <a:lstStyle/>
        <a:p>
          <a:r>
            <a:rPr lang="it-IT" sz="800" dirty="0" smtClean="0"/>
            <a:t>RISPONDERE</a:t>
          </a:r>
          <a:endParaRPr lang="it-IT" sz="800" dirty="0"/>
        </a:p>
      </dgm:t>
    </dgm:pt>
    <dgm:pt modelId="{52EA44CA-376E-4F5D-8DF4-75259F863BF0}" type="parTrans" cxnId="{991E01B8-C144-46FF-8CD9-91EBE04DA627}">
      <dgm:prSet/>
      <dgm:spPr/>
      <dgm:t>
        <a:bodyPr/>
        <a:lstStyle/>
        <a:p>
          <a:endParaRPr lang="it-IT" sz="1400"/>
        </a:p>
      </dgm:t>
    </dgm:pt>
    <dgm:pt modelId="{E324D6BA-B335-42D5-B5A0-270AB7F9BD30}" type="sibTrans" cxnId="{991E01B8-C144-46FF-8CD9-91EBE04DA627}">
      <dgm:prSet/>
      <dgm:spPr/>
      <dgm:t>
        <a:bodyPr/>
        <a:lstStyle/>
        <a:p>
          <a:endParaRPr lang="it-IT" sz="1400"/>
        </a:p>
      </dgm:t>
    </dgm:pt>
    <dgm:pt modelId="{A3638E79-108E-45FB-83D0-F7FAF3817D31}">
      <dgm:prSet phldrT="[Testo]" custT="1"/>
      <dgm:spPr/>
      <dgm:t>
        <a:bodyPr/>
        <a:lstStyle/>
        <a:p>
          <a:r>
            <a:rPr lang="it-IT" sz="1100" dirty="0" smtClean="0"/>
            <a:t>Rispettare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una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seri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norm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obbligh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e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responsabilità</a:t>
          </a:r>
          <a:endParaRPr lang="it-IT" sz="1100" dirty="0"/>
        </a:p>
      </dgm:t>
    </dgm:pt>
    <dgm:pt modelId="{9E881BE9-8B82-4EBF-88A6-DAD92D9D6053}" type="parTrans" cxnId="{70DC6266-433E-4E0B-9AF1-E3414ACD476F}">
      <dgm:prSet/>
      <dgm:spPr/>
      <dgm:t>
        <a:bodyPr/>
        <a:lstStyle/>
        <a:p>
          <a:endParaRPr lang="it-IT" sz="1400"/>
        </a:p>
      </dgm:t>
    </dgm:pt>
    <dgm:pt modelId="{42DCBD30-2844-4887-B180-106B08FE5DEF}" type="sibTrans" cxnId="{70DC6266-433E-4E0B-9AF1-E3414ACD476F}">
      <dgm:prSet/>
      <dgm:spPr/>
      <dgm:t>
        <a:bodyPr/>
        <a:lstStyle/>
        <a:p>
          <a:endParaRPr lang="it-IT" sz="1400"/>
        </a:p>
      </dgm:t>
    </dgm:pt>
    <dgm:pt modelId="{3C048FD6-DDC8-41E5-9FDF-981E08328B76}">
      <dgm:prSet phldrT="[Testo]" custT="1"/>
      <dgm:spPr/>
      <dgm:t>
        <a:bodyPr/>
        <a:lstStyle/>
        <a:p>
          <a:r>
            <a:rPr lang="en-US" sz="1100" b="0" smtClean="0">
              <a:effectLst/>
              <a:latin typeface="+mn-lt"/>
              <a:ea typeface="+mn-ea"/>
              <a:cs typeface="+mn-cs"/>
            </a:rPr>
            <a:t>Gestire il messaggio ricevuto</a:t>
          </a:r>
          <a:endParaRPr lang="it-IT" sz="1100" dirty="0"/>
        </a:p>
      </dgm:t>
    </dgm:pt>
    <dgm:pt modelId="{94B2F107-5070-4451-B79F-D0C5E917E0CF}" type="parTrans" cxnId="{E80040A6-AD6D-4733-8662-574675679BFB}">
      <dgm:prSet/>
      <dgm:spPr/>
      <dgm:t>
        <a:bodyPr/>
        <a:lstStyle/>
        <a:p>
          <a:endParaRPr lang="it-IT" sz="1400"/>
        </a:p>
      </dgm:t>
    </dgm:pt>
    <dgm:pt modelId="{656F6B78-7305-4C01-8730-4441244B13DE}" type="sibTrans" cxnId="{E80040A6-AD6D-4733-8662-574675679BFB}">
      <dgm:prSet/>
      <dgm:spPr/>
      <dgm:t>
        <a:bodyPr/>
        <a:lstStyle/>
        <a:p>
          <a:endParaRPr lang="it-IT" sz="1400"/>
        </a:p>
      </dgm:t>
    </dgm:pt>
    <dgm:pt modelId="{DCD635BC-53AB-40A5-85F5-F0E379A47B05}" type="pres">
      <dgm:prSet presAssocID="{F8237BE0-A08A-43B5-943C-1BC15045C70B}" presName="list" presStyleCnt="0">
        <dgm:presLayoutVars>
          <dgm:dir/>
          <dgm:animLvl val="lvl"/>
        </dgm:presLayoutVars>
      </dgm:prSet>
      <dgm:spPr/>
      <dgm:t>
        <a:bodyPr/>
        <a:lstStyle/>
        <a:p>
          <a:endParaRPr lang="it-IT"/>
        </a:p>
      </dgm:t>
    </dgm:pt>
    <dgm:pt modelId="{9638DBF7-3877-4367-B78A-0AF3926963E2}" type="pres">
      <dgm:prSet presAssocID="{CB984D5A-8E58-413F-BC44-EFB2CCA2C2E4}" presName="posSpace" presStyleCnt="0"/>
      <dgm:spPr/>
    </dgm:pt>
    <dgm:pt modelId="{70701A52-A129-48F0-BCE8-436885719210}" type="pres">
      <dgm:prSet presAssocID="{CB984D5A-8E58-413F-BC44-EFB2CCA2C2E4}" presName="vertFlow" presStyleCnt="0"/>
      <dgm:spPr/>
    </dgm:pt>
    <dgm:pt modelId="{AE92400B-B98A-4100-810A-5F3E914DA56A}" type="pres">
      <dgm:prSet presAssocID="{CB984D5A-8E58-413F-BC44-EFB2CCA2C2E4}" presName="topSpace" presStyleCnt="0"/>
      <dgm:spPr/>
    </dgm:pt>
    <dgm:pt modelId="{8D0694E7-20D9-4F00-996D-DFD522687B2D}" type="pres">
      <dgm:prSet presAssocID="{CB984D5A-8E58-413F-BC44-EFB2CCA2C2E4}" presName="firstComp" presStyleCnt="0"/>
      <dgm:spPr/>
    </dgm:pt>
    <dgm:pt modelId="{3D03BC28-DE92-42D4-821F-3D1EA0A4FCA8}" type="pres">
      <dgm:prSet presAssocID="{CB984D5A-8E58-413F-BC44-EFB2CCA2C2E4}" presName="firstChild" presStyleLbl="bgAccFollowNode1" presStyleIdx="0" presStyleCnt="4" custScaleY="220582"/>
      <dgm:spPr/>
      <dgm:t>
        <a:bodyPr/>
        <a:lstStyle/>
        <a:p>
          <a:endParaRPr lang="it-IT"/>
        </a:p>
      </dgm:t>
    </dgm:pt>
    <dgm:pt modelId="{90DE31C0-F757-4576-B832-AB93C401E3CA}" type="pres">
      <dgm:prSet presAssocID="{CB984D5A-8E58-413F-BC44-EFB2CCA2C2E4}" presName="firstChildTx" presStyleLbl="bg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8F834036-691C-43BE-91F4-C4ED47BCB8F4}" type="pres">
      <dgm:prSet presAssocID="{CB984D5A-8E58-413F-BC44-EFB2CCA2C2E4}" presName="negSpace" presStyleCnt="0"/>
      <dgm:spPr/>
    </dgm:pt>
    <dgm:pt modelId="{AFCDD91A-DF34-475C-9F52-D63611E8F0B5}" type="pres">
      <dgm:prSet presAssocID="{CB984D5A-8E58-413F-BC44-EFB2CCA2C2E4}" presName="circle" presStyleLbl="node1" presStyleIdx="0" presStyleCnt="3"/>
      <dgm:spPr/>
      <dgm:t>
        <a:bodyPr/>
        <a:lstStyle/>
        <a:p>
          <a:endParaRPr lang="it-IT"/>
        </a:p>
      </dgm:t>
    </dgm:pt>
    <dgm:pt modelId="{7A331E25-1E6A-44A2-903C-F5140C1BCB4B}" type="pres">
      <dgm:prSet presAssocID="{33EF3315-EC47-48F7-A6B8-FB413BB16C42}" presName="transSpace" presStyleCnt="0"/>
      <dgm:spPr/>
    </dgm:pt>
    <dgm:pt modelId="{E27FCB45-9F80-42D7-8A1C-1E8BEA0DBF2E}" type="pres">
      <dgm:prSet presAssocID="{9E57EAD0-EE10-44B8-BC94-3532C2F0B49E}" presName="posSpace" presStyleCnt="0"/>
      <dgm:spPr/>
    </dgm:pt>
    <dgm:pt modelId="{1C7284B5-5C08-4CD4-8009-78C126978E4F}" type="pres">
      <dgm:prSet presAssocID="{9E57EAD0-EE10-44B8-BC94-3532C2F0B49E}" presName="vertFlow" presStyleCnt="0"/>
      <dgm:spPr/>
    </dgm:pt>
    <dgm:pt modelId="{8B5C89D6-E90C-4A36-B9C1-0563FF53855A}" type="pres">
      <dgm:prSet presAssocID="{9E57EAD0-EE10-44B8-BC94-3532C2F0B49E}" presName="topSpace" presStyleCnt="0"/>
      <dgm:spPr/>
    </dgm:pt>
    <dgm:pt modelId="{709E2BF4-31E7-42B2-B10A-F9FBEE39D8D6}" type="pres">
      <dgm:prSet presAssocID="{9E57EAD0-EE10-44B8-BC94-3532C2F0B49E}" presName="firstComp" presStyleCnt="0"/>
      <dgm:spPr/>
    </dgm:pt>
    <dgm:pt modelId="{F277DCAD-4FCB-472E-96E0-4AABCFA3CC8E}" type="pres">
      <dgm:prSet presAssocID="{9E57EAD0-EE10-44B8-BC94-3532C2F0B49E}" presName="firstChild" presStyleLbl="bgAccFollowNode1" presStyleIdx="1" presStyleCnt="4" custScaleY="74195"/>
      <dgm:spPr/>
      <dgm:t>
        <a:bodyPr/>
        <a:lstStyle/>
        <a:p>
          <a:endParaRPr lang="it-IT"/>
        </a:p>
      </dgm:t>
    </dgm:pt>
    <dgm:pt modelId="{C61061FC-0FF1-4713-9A95-13273DBE1928}" type="pres">
      <dgm:prSet presAssocID="{9E57EAD0-EE10-44B8-BC94-3532C2F0B49E}" presName="firstChildTx" presStyleLbl="bg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8C66AD2-F706-4FD0-82C4-A67B34F0C4EF}" type="pres">
      <dgm:prSet presAssocID="{3C048FD6-DDC8-41E5-9FDF-981E08328B76}" presName="comp" presStyleCnt="0"/>
      <dgm:spPr/>
    </dgm:pt>
    <dgm:pt modelId="{C9AACC71-BB95-4D3B-A989-CC1EE0458375}" type="pres">
      <dgm:prSet presAssocID="{3C048FD6-DDC8-41E5-9FDF-981E08328B76}" presName="child" presStyleLbl="bgAccFollowNode1" presStyleIdx="2" presStyleCnt="4" custScaleY="52632"/>
      <dgm:spPr/>
      <dgm:t>
        <a:bodyPr/>
        <a:lstStyle/>
        <a:p>
          <a:endParaRPr lang="it-IT"/>
        </a:p>
      </dgm:t>
    </dgm:pt>
    <dgm:pt modelId="{B93DFE67-D6E6-4327-80F6-C7F51CEE835E}" type="pres">
      <dgm:prSet presAssocID="{3C048FD6-DDC8-41E5-9FDF-981E08328B76}" presName="childTx" presStyleLbl="bg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9BD3BB41-1A54-44A8-91A5-025FF7371184}" type="pres">
      <dgm:prSet presAssocID="{9E57EAD0-EE10-44B8-BC94-3532C2F0B49E}" presName="negSpace" presStyleCnt="0"/>
      <dgm:spPr/>
    </dgm:pt>
    <dgm:pt modelId="{13A7B119-B7B4-4DBC-AD41-57651B0B7873}" type="pres">
      <dgm:prSet presAssocID="{9E57EAD0-EE10-44B8-BC94-3532C2F0B49E}" presName="circle" presStyleLbl="node1" presStyleIdx="1" presStyleCnt="3"/>
      <dgm:spPr/>
      <dgm:t>
        <a:bodyPr/>
        <a:lstStyle/>
        <a:p>
          <a:endParaRPr lang="it-IT"/>
        </a:p>
      </dgm:t>
    </dgm:pt>
    <dgm:pt modelId="{511E1C30-41FF-4D5B-9EAB-A8F39233EAAA}" type="pres">
      <dgm:prSet presAssocID="{8E420570-191D-4062-8636-4C8BC6A1C68E}" presName="transSpace" presStyleCnt="0"/>
      <dgm:spPr/>
    </dgm:pt>
    <dgm:pt modelId="{F981BAC5-493B-416B-B4A8-14EB8FC6A950}" type="pres">
      <dgm:prSet presAssocID="{037A0838-E4E9-4CBC-8929-605914FA7EF8}" presName="posSpace" presStyleCnt="0"/>
      <dgm:spPr/>
    </dgm:pt>
    <dgm:pt modelId="{C9538D16-A984-4FD3-ABE9-1D1A51FC2C0E}" type="pres">
      <dgm:prSet presAssocID="{037A0838-E4E9-4CBC-8929-605914FA7EF8}" presName="vertFlow" presStyleCnt="0"/>
      <dgm:spPr/>
    </dgm:pt>
    <dgm:pt modelId="{E46A01B8-7E67-4156-BFB5-0AA80808A8EE}" type="pres">
      <dgm:prSet presAssocID="{037A0838-E4E9-4CBC-8929-605914FA7EF8}" presName="topSpace" presStyleCnt="0"/>
      <dgm:spPr/>
    </dgm:pt>
    <dgm:pt modelId="{5E0A54CA-DE23-433A-92AA-851AA09FA7D6}" type="pres">
      <dgm:prSet presAssocID="{037A0838-E4E9-4CBC-8929-605914FA7EF8}" presName="firstComp" presStyleCnt="0"/>
      <dgm:spPr/>
    </dgm:pt>
    <dgm:pt modelId="{90F2F885-5F0B-423E-ACE5-A83BDD0EB268}" type="pres">
      <dgm:prSet presAssocID="{037A0838-E4E9-4CBC-8929-605914FA7EF8}" presName="firstChild" presStyleLbl="bgAccFollowNode1" presStyleIdx="3" presStyleCnt="4" custScaleY="100706"/>
      <dgm:spPr/>
      <dgm:t>
        <a:bodyPr/>
        <a:lstStyle/>
        <a:p>
          <a:endParaRPr lang="it-IT"/>
        </a:p>
      </dgm:t>
    </dgm:pt>
    <dgm:pt modelId="{67A3A712-16DE-4064-9A1F-B522E1FD8E8E}" type="pres">
      <dgm:prSet presAssocID="{037A0838-E4E9-4CBC-8929-605914FA7EF8}" presName="firstChildTx" presStyleLbl="bg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38B2B9D-3BC5-49FE-8E97-D1B81E991882}" type="pres">
      <dgm:prSet presAssocID="{037A0838-E4E9-4CBC-8929-605914FA7EF8}" presName="negSpace" presStyleCnt="0"/>
      <dgm:spPr/>
    </dgm:pt>
    <dgm:pt modelId="{30664264-29E1-46B5-BB02-6D52719AA172}" type="pres">
      <dgm:prSet presAssocID="{037A0838-E4E9-4CBC-8929-605914FA7EF8}" presName="circle" presStyleLbl="node1" presStyleIdx="2" presStyleCnt="3"/>
      <dgm:spPr/>
      <dgm:t>
        <a:bodyPr/>
        <a:lstStyle/>
        <a:p>
          <a:endParaRPr lang="it-IT"/>
        </a:p>
      </dgm:t>
    </dgm:pt>
  </dgm:ptLst>
  <dgm:cxnLst>
    <dgm:cxn modelId="{113995FF-E34D-4B02-84BA-CF1B0CF1A6B1}" type="presOf" srcId="{A3638E79-108E-45FB-83D0-F7FAF3817D31}" destId="{90F2F885-5F0B-423E-ACE5-A83BDD0EB268}" srcOrd="0" destOrd="0" presId="urn:microsoft.com/office/officeart/2005/8/layout/hList9"/>
    <dgm:cxn modelId="{A5A0694B-B061-4A38-AA95-E2C0E49A093B}" srcId="{CB984D5A-8E58-413F-BC44-EFB2CCA2C2E4}" destId="{AECBF1EA-AD07-4380-81EB-4D60933E10C2}" srcOrd="0" destOrd="0" parTransId="{E4354E5D-98ED-474A-87B5-57CFED070F5E}" sibTransId="{8E5FD702-A4A1-4E8B-AF60-BF6A6565E226}"/>
    <dgm:cxn modelId="{890B3F76-A5CD-4825-A214-BE4AB89BD0C7}" type="presOf" srcId="{AECBF1EA-AD07-4380-81EB-4D60933E10C2}" destId="{90DE31C0-F757-4576-B832-AB93C401E3CA}" srcOrd="1" destOrd="0" presId="urn:microsoft.com/office/officeart/2005/8/layout/hList9"/>
    <dgm:cxn modelId="{EEB51DB7-73E0-4695-8309-6BD4B8DA83E2}" type="presOf" srcId="{A3638E79-108E-45FB-83D0-F7FAF3817D31}" destId="{67A3A712-16DE-4064-9A1F-B522E1FD8E8E}" srcOrd="1" destOrd="0" presId="urn:microsoft.com/office/officeart/2005/8/layout/hList9"/>
    <dgm:cxn modelId="{1EE946B5-2EAA-4D08-BFE0-C4E1C14EFAFB}" type="presOf" srcId="{D5647328-CE02-414F-80AD-3ECC41E8286A}" destId="{C61061FC-0FF1-4713-9A95-13273DBE1928}" srcOrd="1" destOrd="0" presId="urn:microsoft.com/office/officeart/2005/8/layout/hList9"/>
    <dgm:cxn modelId="{66806AF3-D3A0-4A80-981E-9758E3A925ED}" type="presOf" srcId="{CB984D5A-8E58-413F-BC44-EFB2CCA2C2E4}" destId="{AFCDD91A-DF34-475C-9F52-D63611E8F0B5}" srcOrd="0" destOrd="0" presId="urn:microsoft.com/office/officeart/2005/8/layout/hList9"/>
    <dgm:cxn modelId="{E22EEEBD-E45D-447C-AAB2-5F8F4F112663}" type="presOf" srcId="{3C048FD6-DDC8-41E5-9FDF-981E08328B76}" destId="{C9AACC71-BB95-4D3B-A989-CC1EE0458375}" srcOrd="0" destOrd="0" presId="urn:microsoft.com/office/officeart/2005/8/layout/hList9"/>
    <dgm:cxn modelId="{A24AAF44-4279-4C2B-83B6-36F77A2820D2}" type="presOf" srcId="{D5647328-CE02-414F-80AD-3ECC41E8286A}" destId="{F277DCAD-4FCB-472E-96E0-4AABCFA3CC8E}" srcOrd="0" destOrd="0" presId="urn:microsoft.com/office/officeart/2005/8/layout/hList9"/>
    <dgm:cxn modelId="{991E01B8-C144-46FF-8CD9-91EBE04DA627}" srcId="{F8237BE0-A08A-43B5-943C-1BC15045C70B}" destId="{037A0838-E4E9-4CBC-8929-605914FA7EF8}" srcOrd="2" destOrd="0" parTransId="{52EA44CA-376E-4F5D-8DF4-75259F863BF0}" sibTransId="{E324D6BA-B335-42D5-B5A0-270AB7F9BD30}"/>
    <dgm:cxn modelId="{7398295C-1B6E-4B45-A2EC-8F4F9E671EEF}" type="presOf" srcId="{AECBF1EA-AD07-4380-81EB-4D60933E10C2}" destId="{3D03BC28-DE92-42D4-821F-3D1EA0A4FCA8}" srcOrd="0" destOrd="0" presId="urn:microsoft.com/office/officeart/2005/8/layout/hList9"/>
    <dgm:cxn modelId="{656988E8-E7DD-4DDF-9452-F2DD136091DB}" type="presOf" srcId="{9E57EAD0-EE10-44B8-BC94-3532C2F0B49E}" destId="{13A7B119-B7B4-4DBC-AD41-57651B0B7873}" srcOrd="0" destOrd="0" presId="urn:microsoft.com/office/officeart/2005/8/layout/hList9"/>
    <dgm:cxn modelId="{70DC6266-433E-4E0B-9AF1-E3414ACD476F}" srcId="{037A0838-E4E9-4CBC-8929-605914FA7EF8}" destId="{A3638E79-108E-45FB-83D0-F7FAF3817D31}" srcOrd="0" destOrd="0" parTransId="{9E881BE9-8B82-4EBF-88A6-DAD92D9D6053}" sibTransId="{42DCBD30-2844-4887-B180-106B08FE5DEF}"/>
    <dgm:cxn modelId="{E80040A6-AD6D-4733-8662-574675679BFB}" srcId="{9E57EAD0-EE10-44B8-BC94-3532C2F0B49E}" destId="{3C048FD6-DDC8-41E5-9FDF-981E08328B76}" srcOrd="1" destOrd="0" parTransId="{94B2F107-5070-4451-B79F-D0C5E917E0CF}" sibTransId="{656F6B78-7305-4C01-8730-4441244B13DE}"/>
    <dgm:cxn modelId="{868FC65A-2193-4A6F-893E-8DD232356593}" type="presOf" srcId="{3C048FD6-DDC8-41E5-9FDF-981E08328B76}" destId="{B93DFE67-D6E6-4327-80F6-C7F51CEE835E}" srcOrd="1" destOrd="0" presId="urn:microsoft.com/office/officeart/2005/8/layout/hList9"/>
    <dgm:cxn modelId="{9DB711B1-BD17-446D-82B4-9452E0911F3D}" srcId="{9E57EAD0-EE10-44B8-BC94-3532C2F0B49E}" destId="{D5647328-CE02-414F-80AD-3ECC41E8286A}" srcOrd="0" destOrd="0" parTransId="{E484F515-55C2-4902-A563-8C8E0E10E76E}" sibTransId="{1C9DE8DA-BE2F-4AE6-8797-9DAA8C390A8F}"/>
    <dgm:cxn modelId="{3CC26E44-D004-4FF6-A1F3-F5B54A96DF70}" type="presOf" srcId="{F8237BE0-A08A-43B5-943C-1BC15045C70B}" destId="{DCD635BC-53AB-40A5-85F5-F0E379A47B05}" srcOrd="0" destOrd="0" presId="urn:microsoft.com/office/officeart/2005/8/layout/hList9"/>
    <dgm:cxn modelId="{37C7EB56-21D0-48CD-BDB8-A9FA0965A921}" type="presOf" srcId="{037A0838-E4E9-4CBC-8929-605914FA7EF8}" destId="{30664264-29E1-46B5-BB02-6D52719AA172}" srcOrd="0" destOrd="0" presId="urn:microsoft.com/office/officeart/2005/8/layout/hList9"/>
    <dgm:cxn modelId="{B643AAF3-951B-4989-9281-A40E1C72FAC3}" srcId="{F8237BE0-A08A-43B5-943C-1BC15045C70B}" destId="{CB984D5A-8E58-413F-BC44-EFB2CCA2C2E4}" srcOrd="0" destOrd="0" parTransId="{456DAC1A-D0B2-42B9-A831-397BC5ED2340}" sibTransId="{33EF3315-EC47-48F7-A6B8-FB413BB16C42}"/>
    <dgm:cxn modelId="{4D99B15E-43E9-40D9-99BC-2DE67EFA0AA6}" srcId="{F8237BE0-A08A-43B5-943C-1BC15045C70B}" destId="{9E57EAD0-EE10-44B8-BC94-3532C2F0B49E}" srcOrd="1" destOrd="0" parTransId="{D97C3D23-E813-4A00-9237-9E7C9E2AE753}" sibTransId="{8E420570-191D-4062-8636-4C8BC6A1C68E}"/>
    <dgm:cxn modelId="{6FDF543F-7C41-43B0-B511-013D3D605556}" type="presParOf" srcId="{DCD635BC-53AB-40A5-85F5-F0E379A47B05}" destId="{9638DBF7-3877-4367-B78A-0AF3926963E2}" srcOrd="0" destOrd="0" presId="urn:microsoft.com/office/officeart/2005/8/layout/hList9"/>
    <dgm:cxn modelId="{163FB381-F6A3-4AA9-BB58-EC023536891F}" type="presParOf" srcId="{DCD635BC-53AB-40A5-85F5-F0E379A47B05}" destId="{70701A52-A129-48F0-BCE8-436885719210}" srcOrd="1" destOrd="0" presId="urn:microsoft.com/office/officeart/2005/8/layout/hList9"/>
    <dgm:cxn modelId="{C10940A7-D551-48D9-8524-AAA93F174217}" type="presParOf" srcId="{70701A52-A129-48F0-BCE8-436885719210}" destId="{AE92400B-B98A-4100-810A-5F3E914DA56A}" srcOrd="0" destOrd="0" presId="urn:microsoft.com/office/officeart/2005/8/layout/hList9"/>
    <dgm:cxn modelId="{0634E8F9-F07E-4887-8072-AA6DDA76059E}" type="presParOf" srcId="{70701A52-A129-48F0-BCE8-436885719210}" destId="{8D0694E7-20D9-4F00-996D-DFD522687B2D}" srcOrd="1" destOrd="0" presId="urn:microsoft.com/office/officeart/2005/8/layout/hList9"/>
    <dgm:cxn modelId="{208DED0B-5C8D-46D0-8A09-E6D5B39C5A2B}" type="presParOf" srcId="{8D0694E7-20D9-4F00-996D-DFD522687B2D}" destId="{3D03BC28-DE92-42D4-821F-3D1EA0A4FCA8}" srcOrd="0" destOrd="0" presId="urn:microsoft.com/office/officeart/2005/8/layout/hList9"/>
    <dgm:cxn modelId="{515A9367-4A13-48A0-9730-BD053A33CD4D}" type="presParOf" srcId="{8D0694E7-20D9-4F00-996D-DFD522687B2D}" destId="{90DE31C0-F757-4576-B832-AB93C401E3CA}" srcOrd="1" destOrd="0" presId="urn:microsoft.com/office/officeart/2005/8/layout/hList9"/>
    <dgm:cxn modelId="{96C7CA21-DF0A-45B2-BE1A-8A9C4FD93986}" type="presParOf" srcId="{DCD635BC-53AB-40A5-85F5-F0E379A47B05}" destId="{8F834036-691C-43BE-91F4-C4ED47BCB8F4}" srcOrd="2" destOrd="0" presId="urn:microsoft.com/office/officeart/2005/8/layout/hList9"/>
    <dgm:cxn modelId="{8826D5E7-B623-4B47-8AB7-D00B9F1B47BD}" type="presParOf" srcId="{DCD635BC-53AB-40A5-85F5-F0E379A47B05}" destId="{AFCDD91A-DF34-475C-9F52-D63611E8F0B5}" srcOrd="3" destOrd="0" presId="urn:microsoft.com/office/officeart/2005/8/layout/hList9"/>
    <dgm:cxn modelId="{D1D60238-8D5E-4CDA-9326-47993EBD7A21}" type="presParOf" srcId="{DCD635BC-53AB-40A5-85F5-F0E379A47B05}" destId="{7A331E25-1E6A-44A2-903C-F5140C1BCB4B}" srcOrd="4" destOrd="0" presId="urn:microsoft.com/office/officeart/2005/8/layout/hList9"/>
    <dgm:cxn modelId="{63E8F689-9C2C-4D3E-BAD4-4959C333678C}" type="presParOf" srcId="{DCD635BC-53AB-40A5-85F5-F0E379A47B05}" destId="{E27FCB45-9F80-42D7-8A1C-1E8BEA0DBF2E}" srcOrd="5" destOrd="0" presId="urn:microsoft.com/office/officeart/2005/8/layout/hList9"/>
    <dgm:cxn modelId="{8DA12FF6-F135-438F-9F31-7F81717FB80A}" type="presParOf" srcId="{DCD635BC-53AB-40A5-85F5-F0E379A47B05}" destId="{1C7284B5-5C08-4CD4-8009-78C126978E4F}" srcOrd="6" destOrd="0" presId="urn:microsoft.com/office/officeart/2005/8/layout/hList9"/>
    <dgm:cxn modelId="{69796853-A936-4E81-83AA-4A8CE5D6603C}" type="presParOf" srcId="{1C7284B5-5C08-4CD4-8009-78C126978E4F}" destId="{8B5C89D6-E90C-4A36-B9C1-0563FF53855A}" srcOrd="0" destOrd="0" presId="urn:microsoft.com/office/officeart/2005/8/layout/hList9"/>
    <dgm:cxn modelId="{152C4976-CB22-452B-A143-5153AF37F3DD}" type="presParOf" srcId="{1C7284B5-5C08-4CD4-8009-78C126978E4F}" destId="{709E2BF4-31E7-42B2-B10A-F9FBEE39D8D6}" srcOrd="1" destOrd="0" presId="urn:microsoft.com/office/officeart/2005/8/layout/hList9"/>
    <dgm:cxn modelId="{8B21DA2F-89A7-4CB9-9461-EEF9B1AC4EA4}" type="presParOf" srcId="{709E2BF4-31E7-42B2-B10A-F9FBEE39D8D6}" destId="{F277DCAD-4FCB-472E-96E0-4AABCFA3CC8E}" srcOrd="0" destOrd="0" presId="urn:microsoft.com/office/officeart/2005/8/layout/hList9"/>
    <dgm:cxn modelId="{832D6017-1D50-4FFC-A0AF-B129B48F41A2}" type="presParOf" srcId="{709E2BF4-31E7-42B2-B10A-F9FBEE39D8D6}" destId="{C61061FC-0FF1-4713-9A95-13273DBE1928}" srcOrd="1" destOrd="0" presId="urn:microsoft.com/office/officeart/2005/8/layout/hList9"/>
    <dgm:cxn modelId="{E08EEAEF-F8A1-4D07-9E83-79E1CA85D944}" type="presParOf" srcId="{1C7284B5-5C08-4CD4-8009-78C126978E4F}" destId="{68C66AD2-F706-4FD0-82C4-A67B34F0C4EF}" srcOrd="2" destOrd="0" presId="urn:microsoft.com/office/officeart/2005/8/layout/hList9"/>
    <dgm:cxn modelId="{8435F312-9290-41A0-A687-18FB988E8C75}" type="presParOf" srcId="{68C66AD2-F706-4FD0-82C4-A67B34F0C4EF}" destId="{C9AACC71-BB95-4D3B-A989-CC1EE0458375}" srcOrd="0" destOrd="0" presId="urn:microsoft.com/office/officeart/2005/8/layout/hList9"/>
    <dgm:cxn modelId="{1482073D-A0D0-4DDD-85E6-FAC1C5514D7D}" type="presParOf" srcId="{68C66AD2-F706-4FD0-82C4-A67B34F0C4EF}" destId="{B93DFE67-D6E6-4327-80F6-C7F51CEE835E}" srcOrd="1" destOrd="0" presId="urn:microsoft.com/office/officeart/2005/8/layout/hList9"/>
    <dgm:cxn modelId="{25508C7B-05DF-40C6-A960-10BE25698D89}" type="presParOf" srcId="{DCD635BC-53AB-40A5-85F5-F0E379A47B05}" destId="{9BD3BB41-1A54-44A8-91A5-025FF7371184}" srcOrd="7" destOrd="0" presId="urn:microsoft.com/office/officeart/2005/8/layout/hList9"/>
    <dgm:cxn modelId="{DA800263-F26F-4B82-ADE0-71C029A28FE0}" type="presParOf" srcId="{DCD635BC-53AB-40A5-85F5-F0E379A47B05}" destId="{13A7B119-B7B4-4DBC-AD41-57651B0B7873}" srcOrd="8" destOrd="0" presId="urn:microsoft.com/office/officeart/2005/8/layout/hList9"/>
    <dgm:cxn modelId="{A35FBC71-C271-4AE8-A017-9F0C0204F731}" type="presParOf" srcId="{DCD635BC-53AB-40A5-85F5-F0E379A47B05}" destId="{511E1C30-41FF-4D5B-9EAB-A8F39233EAAA}" srcOrd="9" destOrd="0" presId="urn:microsoft.com/office/officeart/2005/8/layout/hList9"/>
    <dgm:cxn modelId="{26A687B4-4C34-4963-AFA6-80EC9162E201}" type="presParOf" srcId="{DCD635BC-53AB-40A5-85F5-F0E379A47B05}" destId="{F981BAC5-493B-416B-B4A8-14EB8FC6A950}" srcOrd="10" destOrd="0" presId="urn:microsoft.com/office/officeart/2005/8/layout/hList9"/>
    <dgm:cxn modelId="{B5D09568-3138-4478-9FA6-4E4E468AEA39}" type="presParOf" srcId="{DCD635BC-53AB-40A5-85F5-F0E379A47B05}" destId="{C9538D16-A984-4FD3-ABE9-1D1A51FC2C0E}" srcOrd="11" destOrd="0" presId="urn:microsoft.com/office/officeart/2005/8/layout/hList9"/>
    <dgm:cxn modelId="{26B1A8D3-AF60-4E41-9B4D-29D7758456EC}" type="presParOf" srcId="{C9538D16-A984-4FD3-ABE9-1D1A51FC2C0E}" destId="{E46A01B8-7E67-4156-BFB5-0AA80808A8EE}" srcOrd="0" destOrd="0" presId="urn:microsoft.com/office/officeart/2005/8/layout/hList9"/>
    <dgm:cxn modelId="{426D934A-6AC1-4E1A-8673-ED661AA797FE}" type="presParOf" srcId="{C9538D16-A984-4FD3-ABE9-1D1A51FC2C0E}" destId="{5E0A54CA-DE23-433A-92AA-851AA09FA7D6}" srcOrd="1" destOrd="0" presId="urn:microsoft.com/office/officeart/2005/8/layout/hList9"/>
    <dgm:cxn modelId="{9F694FA3-D944-4B59-AE6E-A34EDE03F275}" type="presParOf" srcId="{5E0A54CA-DE23-433A-92AA-851AA09FA7D6}" destId="{90F2F885-5F0B-423E-ACE5-A83BDD0EB268}" srcOrd="0" destOrd="0" presId="urn:microsoft.com/office/officeart/2005/8/layout/hList9"/>
    <dgm:cxn modelId="{ACB63B6D-0D25-4A20-A820-D688CBA9986A}" type="presParOf" srcId="{5E0A54CA-DE23-433A-92AA-851AA09FA7D6}" destId="{67A3A712-16DE-4064-9A1F-B522E1FD8E8E}" srcOrd="1" destOrd="0" presId="urn:microsoft.com/office/officeart/2005/8/layout/hList9"/>
    <dgm:cxn modelId="{7B418919-70F9-4876-8ED1-5F16C7448467}" type="presParOf" srcId="{DCD635BC-53AB-40A5-85F5-F0E379A47B05}" destId="{F38B2B9D-3BC5-49FE-8E97-D1B81E991882}" srcOrd="12" destOrd="0" presId="urn:microsoft.com/office/officeart/2005/8/layout/hList9"/>
    <dgm:cxn modelId="{5C0B8364-3A58-4008-A876-2F03CB601C8D}" type="presParOf" srcId="{DCD635BC-53AB-40A5-85F5-F0E379A47B05}" destId="{30664264-29E1-46B5-BB02-6D52719AA172}" srcOrd="13" destOrd="0" presId="urn:microsoft.com/office/officeart/2005/8/layout/hList9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D0336A3-1F34-4769-A64A-660AF7AFD025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</dgm:pt>
    <dgm:pt modelId="{7668C614-46AF-465F-8D9C-0B4AE4EF7BBB}" type="pres">
      <dgm:prSet presAssocID="{AD0336A3-1F34-4769-A64A-660AF7AFD025}" presName="linear" presStyleCnt="0">
        <dgm:presLayoutVars>
          <dgm:animLvl val="lvl"/>
          <dgm:resizeHandles val="exact"/>
        </dgm:presLayoutVars>
      </dgm:prSet>
      <dgm:spPr/>
    </dgm:pt>
  </dgm:ptLst>
  <dgm:cxnLst>
    <dgm:cxn modelId="{2AE7CFDF-D9EC-4EDC-A4A7-A16EE73A91C0}" type="presOf" srcId="{AD0336A3-1F34-4769-A64A-660AF7AFD025}" destId="{7668C614-46AF-465F-8D9C-0B4AE4EF7BBB}" srcOrd="0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8410B73-2B0D-4699-B7E5-DA82F5C65F68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</dgm:pt>
    <dgm:pt modelId="{A38B0D2D-6F15-4C85-BD92-6FC599F22A9D}">
      <dgm:prSet phldrT="[Testo]"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l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pri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"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ubblic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" </a:t>
          </a:r>
          <a:endParaRPr lang="it-IT" sz="1400" dirty="0"/>
        </a:p>
      </dgm:t>
    </dgm:pt>
    <dgm:pt modelId="{CBB46944-40BE-4B5B-88C6-73F0361A7F99}" type="parTrans" cxnId="{2F1B7105-C853-40B1-99D5-306E14128E35}">
      <dgm:prSet/>
      <dgm:spPr/>
      <dgm:t>
        <a:bodyPr/>
        <a:lstStyle/>
        <a:p>
          <a:endParaRPr lang="it-IT" sz="1050"/>
        </a:p>
      </dgm:t>
    </dgm:pt>
    <dgm:pt modelId="{F6362FE2-B2B1-482A-A146-4370D418B86F}" type="sibTrans" cxnId="{2F1B7105-C853-40B1-99D5-306E14128E35}">
      <dgm:prSet/>
      <dgm:spPr/>
      <dgm:t>
        <a:bodyPr/>
        <a:lstStyle/>
        <a:p>
          <a:endParaRPr lang="it-IT" sz="1050"/>
        </a:p>
      </dgm:t>
    </dgm:pt>
    <dgm:pt modelId="{A79D9080-BC01-4672-85DC-8629A3B2CDF0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mpostazion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lla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rivacy del social</a:t>
          </a:r>
          <a:endParaRPr lang="it-IT" sz="14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428F4515-CDCE-443E-BA00-039ED512D86D}" type="parTrans" cxnId="{5BEC4080-4892-4E1A-B9AB-F4D0601F3E61}">
      <dgm:prSet/>
      <dgm:spPr/>
      <dgm:t>
        <a:bodyPr/>
        <a:lstStyle/>
        <a:p>
          <a:endParaRPr lang="it-IT" sz="1050"/>
        </a:p>
      </dgm:t>
    </dgm:pt>
    <dgm:pt modelId="{8567F65C-043A-4F37-AAD8-610D0276F88A}" type="sibTrans" cxnId="{5BEC4080-4892-4E1A-B9AB-F4D0601F3E61}">
      <dgm:prSet/>
      <dgm:spPr/>
      <dgm:t>
        <a:bodyPr/>
        <a:lstStyle/>
        <a:p>
          <a:endParaRPr lang="it-IT" sz="1050"/>
        </a:p>
      </dgm:t>
    </dgm:pt>
    <dgm:pt modelId="{5FE2D9E2-8AD8-4C7A-8B3D-4D2D04C4C824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t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llegamen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solo da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tat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osciu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o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ertificati</a:t>
          </a:r>
          <a:endParaRPr lang="it-IT" sz="14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FA5A6388-6AFF-4558-A4F2-FCF93BD8D0C9}" type="parTrans" cxnId="{BE3DD1C6-5A0E-48BD-BC1A-789F96E919CE}">
      <dgm:prSet/>
      <dgm:spPr/>
      <dgm:t>
        <a:bodyPr/>
        <a:lstStyle/>
        <a:p>
          <a:endParaRPr lang="it-IT" sz="1050"/>
        </a:p>
      </dgm:t>
    </dgm:pt>
    <dgm:pt modelId="{A78BDFAF-1A9F-455F-9A36-3259A39E772C}" type="sibTrans" cxnId="{BE3DD1C6-5A0E-48BD-BC1A-789F96E919CE}">
      <dgm:prSet/>
      <dgm:spPr/>
      <dgm:t>
        <a:bodyPr/>
        <a:lstStyle/>
        <a:p>
          <a:endParaRPr lang="it-IT" sz="1050"/>
        </a:p>
      </dgm:t>
    </dgm:pt>
    <dgm:pt modelId="{DBC3F224-8D25-4801-8384-7C7CEA73F830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ispet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“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uon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atich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” per la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gestion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a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ell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assword</a:t>
          </a:r>
          <a:endParaRPr lang="it-IT" sz="1400" dirty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2B7BD334-2138-4E4C-A9FD-743D7CD7D6E6}" type="parTrans" cxnId="{3C705661-F9A4-489F-8C24-8F4F719F97B9}">
      <dgm:prSet/>
      <dgm:spPr/>
      <dgm:t>
        <a:bodyPr/>
        <a:lstStyle/>
        <a:p>
          <a:endParaRPr lang="it-IT" sz="1050"/>
        </a:p>
      </dgm:t>
    </dgm:pt>
    <dgm:pt modelId="{E3E09F38-B34D-4281-A726-7BE7C2284314}" type="sibTrans" cxnId="{3C705661-F9A4-489F-8C24-8F4F719F97B9}">
      <dgm:prSet/>
      <dgm:spPr/>
      <dgm:t>
        <a:bodyPr/>
        <a:lstStyle/>
        <a:p>
          <a:endParaRPr lang="it-IT" sz="1050"/>
        </a:p>
      </dgm:t>
    </dgm:pt>
    <dgm:pt modelId="{B097A3F2-0A58-4ABF-B2D9-1EB9FACF1F3F}">
      <dgm:prSet phldrT="[Testo]"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vi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’us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account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sonal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er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avoro</a:t>
          </a:r>
          <a:endParaRPr lang="it-IT" sz="1400" dirty="0"/>
        </a:p>
      </dgm:t>
    </dgm:pt>
    <dgm:pt modelId="{0DC8C435-5B6A-4D52-99AE-ADF145A4056F}" type="parTrans" cxnId="{36D6EC45-7A06-47FA-8348-286A72CBA487}">
      <dgm:prSet/>
      <dgm:spPr/>
      <dgm:t>
        <a:bodyPr/>
        <a:lstStyle/>
        <a:p>
          <a:endParaRPr lang="it-IT" sz="1050"/>
        </a:p>
      </dgm:t>
    </dgm:pt>
    <dgm:pt modelId="{315DEE15-52E5-4B96-BEFD-036C9B06DBFD}" type="sibTrans" cxnId="{36D6EC45-7A06-47FA-8348-286A72CBA487}">
      <dgm:prSet/>
      <dgm:spPr/>
      <dgm:t>
        <a:bodyPr/>
        <a:lstStyle/>
        <a:p>
          <a:endParaRPr lang="it-IT" sz="1050"/>
        </a:p>
      </dgm:t>
    </dgm:pt>
    <dgm:pt modelId="{D2ADDB3D-CF8A-496E-BD97-4836CC498D02}" type="pres">
      <dgm:prSet presAssocID="{88410B73-2B0D-4699-B7E5-DA82F5C65F68}" presName="linear" presStyleCnt="0">
        <dgm:presLayoutVars>
          <dgm:animLvl val="lvl"/>
          <dgm:resizeHandles val="exact"/>
        </dgm:presLayoutVars>
      </dgm:prSet>
      <dgm:spPr/>
    </dgm:pt>
    <dgm:pt modelId="{7BCE34DD-8730-414C-AE5C-1A52D6893DA7}" type="pres">
      <dgm:prSet presAssocID="{A38B0D2D-6F15-4C85-BD92-6FC599F22A9D}" presName="parentText" presStyleLbl="node1" presStyleIdx="0" presStyleCnt="5" custScaleY="26226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063CD330-E3A5-46FD-A896-EF60DC33105D}" type="pres">
      <dgm:prSet presAssocID="{F6362FE2-B2B1-482A-A146-4370D418B86F}" presName="spacer" presStyleCnt="0"/>
      <dgm:spPr/>
    </dgm:pt>
    <dgm:pt modelId="{69CE3A8D-B5B7-4F83-905C-2512763C29B0}" type="pres">
      <dgm:prSet presAssocID="{B097A3F2-0A58-4ABF-B2D9-1EB9FACF1F3F}" presName="parentText" presStyleLbl="node1" presStyleIdx="1" presStyleCnt="5" custScaleY="26919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9138DCE1-E9F6-4B75-82F1-CCE354D1A90F}" type="pres">
      <dgm:prSet presAssocID="{315DEE15-52E5-4B96-BEFD-036C9B06DBFD}" presName="spacer" presStyleCnt="0"/>
      <dgm:spPr/>
    </dgm:pt>
    <dgm:pt modelId="{D4C7D067-45B3-4906-A5C5-E02EEF8FFB35}" type="pres">
      <dgm:prSet presAssocID="{A79D9080-BC01-4672-85DC-8629A3B2CDF0}" presName="parentText" presStyleLbl="node1" presStyleIdx="2" presStyleCnt="5" custScaleY="36220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8F7E4C3-3141-44C9-BC06-7EE572666CF4}" type="pres">
      <dgm:prSet presAssocID="{8567F65C-043A-4F37-AAD8-610D0276F88A}" presName="spacer" presStyleCnt="0"/>
      <dgm:spPr/>
    </dgm:pt>
    <dgm:pt modelId="{8BE038CA-1762-4521-90C2-AF8F38E8EB01}" type="pres">
      <dgm:prSet presAssocID="{5FE2D9E2-8AD8-4C7A-8B3D-4D2D04C4C824}" presName="parentText" presStyleLbl="node1" presStyleIdx="3" presStyleCnt="5" custScaleY="37014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52C8696-A0E3-415C-8BF7-A48DAF891913}" type="pres">
      <dgm:prSet presAssocID="{A78BDFAF-1A9F-455F-9A36-3259A39E772C}" presName="spacer" presStyleCnt="0"/>
      <dgm:spPr/>
    </dgm:pt>
    <dgm:pt modelId="{3C9EAE91-4956-4893-8347-76EE5C3033C0}" type="pres">
      <dgm:prSet presAssocID="{DBC3F224-8D25-4801-8384-7C7CEA73F830}" presName="parentText" presStyleLbl="node1" presStyleIdx="4" presStyleCnt="5" custScaleY="3454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5A0393E5-F3B2-4ED3-9E27-3013F273ADCA}" type="presOf" srcId="{B097A3F2-0A58-4ABF-B2D9-1EB9FACF1F3F}" destId="{69CE3A8D-B5B7-4F83-905C-2512763C29B0}" srcOrd="0" destOrd="0" presId="urn:microsoft.com/office/officeart/2005/8/layout/vList2"/>
    <dgm:cxn modelId="{5BEC4080-4892-4E1A-B9AB-F4D0601F3E61}" srcId="{88410B73-2B0D-4699-B7E5-DA82F5C65F68}" destId="{A79D9080-BC01-4672-85DC-8629A3B2CDF0}" srcOrd="2" destOrd="0" parTransId="{428F4515-CDCE-443E-BA00-039ED512D86D}" sibTransId="{8567F65C-043A-4F37-AAD8-610D0276F88A}"/>
    <dgm:cxn modelId="{4A270088-D435-44A3-9125-D5BEA1C90D57}" type="presOf" srcId="{DBC3F224-8D25-4801-8384-7C7CEA73F830}" destId="{3C9EAE91-4956-4893-8347-76EE5C3033C0}" srcOrd="0" destOrd="0" presId="urn:microsoft.com/office/officeart/2005/8/layout/vList2"/>
    <dgm:cxn modelId="{BE3DD1C6-5A0E-48BD-BC1A-789F96E919CE}" srcId="{88410B73-2B0D-4699-B7E5-DA82F5C65F68}" destId="{5FE2D9E2-8AD8-4C7A-8B3D-4D2D04C4C824}" srcOrd="3" destOrd="0" parTransId="{FA5A6388-6AFF-4558-A4F2-FCF93BD8D0C9}" sibTransId="{A78BDFAF-1A9F-455F-9A36-3259A39E772C}"/>
    <dgm:cxn modelId="{36D6EC45-7A06-47FA-8348-286A72CBA487}" srcId="{88410B73-2B0D-4699-B7E5-DA82F5C65F68}" destId="{B097A3F2-0A58-4ABF-B2D9-1EB9FACF1F3F}" srcOrd="1" destOrd="0" parTransId="{0DC8C435-5B6A-4D52-99AE-ADF145A4056F}" sibTransId="{315DEE15-52E5-4B96-BEFD-036C9B06DBFD}"/>
    <dgm:cxn modelId="{3C705661-F9A4-489F-8C24-8F4F719F97B9}" srcId="{88410B73-2B0D-4699-B7E5-DA82F5C65F68}" destId="{DBC3F224-8D25-4801-8384-7C7CEA73F830}" srcOrd="4" destOrd="0" parTransId="{2B7BD334-2138-4E4C-A9FD-743D7CD7D6E6}" sibTransId="{E3E09F38-B34D-4281-A726-7BE7C2284314}"/>
    <dgm:cxn modelId="{2F1B7105-C853-40B1-99D5-306E14128E35}" srcId="{88410B73-2B0D-4699-B7E5-DA82F5C65F68}" destId="{A38B0D2D-6F15-4C85-BD92-6FC599F22A9D}" srcOrd="0" destOrd="0" parTransId="{CBB46944-40BE-4B5B-88C6-73F0361A7F99}" sibTransId="{F6362FE2-B2B1-482A-A146-4370D418B86F}"/>
    <dgm:cxn modelId="{576C88DD-56B2-4C99-8C04-530DBB8CD2A7}" type="presOf" srcId="{A79D9080-BC01-4672-85DC-8629A3B2CDF0}" destId="{D4C7D067-45B3-4906-A5C5-E02EEF8FFB35}" srcOrd="0" destOrd="0" presId="urn:microsoft.com/office/officeart/2005/8/layout/vList2"/>
    <dgm:cxn modelId="{C1F3B86D-FA6B-460D-B829-60C84E167709}" type="presOf" srcId="{88410B73-2B0D-4699-B7E5-DA82F5C65F68}" destId="{D2ADDB3D-CF8A-496E-BD97-4836CC498D02}" srcOrd="0" destOrd="0" presId="urn:microsoft.com/office/officeart/2005/8/layout/vList2"/>
    <dgm:cxn modelId="{ADE67CB6-464F-403E-A58F-14509F8F9D8C}" type="presOf" srcId="{A38B0D2D-6F15-4C85-BD92-6FC599F22A9D}" destId="{7BCE34DD-8730-414C-AE5C-1A52D6893DA7}" srcOrd="0" destOrd="0" presId="urn:microsoft.com/office/officeart/2005/8/layout/vList2"/>
    <dgm:cxn modelId="{DDC7AAEA-0B78-450C-88D0-CDDB0D792CC0}" type="presOf" srcId="{5FE2D9E2-8AD8-4C7A-8B3D-4D2D04C4C824}" destId="{8BE038CA-1762-4521-90C2-AF8F38E8EB01}" srcOrd="0" destOrd="0" presId="urn:microsoft.com/office/officeart/2005/8/layout/vList2"/>
    <dgm:cxn modelId="{65AA3411-FB47-4BA4-87AB-94762EE882EB}" type="presParOf" srcId="{D2ADDB3D-CF8A-496E-BD97-4836CC498D02}" destId="{7BCE34DD-8730-414C-AE5C-1A52D6893DA7}" srcOrd="0" destOrd="0" presId="urn:microsoft.com/office/officeart/2005/8/layout/vList2"/>
    <dgm:cxn modelId="{A3C7E4F3-9F02-434B-A2F5-82332D3C3270}" type="presParOf" srcId="{D2ADDB3D-CF8A-496E-BD97-4836CC498D02}" destId="{063CD330-E3A5-46FD-A896-EF60DC33105D}" srcOrd="1" destOrd="0" presId="urn:microsoft.com/office/officeart/2005/8/layout/vList2"/>
    <dgm:cxn modelId="{2DADA789-943E-44E7-B961-2A29B9268EA6}" type="presParOf" srcId="{D2ADDB3D-CF8A-496E-BD97-4836CC498D02}" destId="{69CE3A8D-B5B7-4F83-905C-2512763C29B0}" srcOrd="2" destOrd="0" presId="urn:microsoft.com/office/officeart/2005/8/layout/vList2"/>
    <dgm:cxn modelId="{468AAD31-4F1A-426F-A883-56DC541EE26F}" type="presParOf" srcId="{D2ADDB3D-CF8A-496E-BD97-4836CC498D02}" destId="{9138DCE1-E9F6-4B75-82F1-CCE354D1A90F}" srcOrd="3" destOrd="0" presId="urn:microsoft.com/office/officeart/2005/8/layout/vList2"/>
    <dgm:cxn modelId="{12584A40-3224-4DF7-893E-22A602593836}" type="presParOf" srcId="{D2ADDB3D-CF8A-496E-BD97-4836CC498D02}" destId="{D4C7D067-45B3-4906-A5C5-E02EEF8FFB35}" srcOrd="4" destOrd="0" presId="urn:microsoft.com/office/officeart/2005/8/layout/vList2"/>
    <dgm:cxn modelId="{DA6E94B4-A308-4347-AAB2-80D8B8AF2660}" type="presParOf" srcId="{D2ADDB3D-CF8A-496E-BD97-4836CC498D02}" destId="{28F7E4C3-3141-44C9-BC06-7EE572666CF4}" srcOrd="5" destOrd="0" presId="urn:microsoft.com/office/officeart/2005/8/layout/vList2"/>
    <dgm:cxn modelId="{770E2FA0-CA26-425D-9EB3-7A2DEF9B493E}" type="presParOf" srcId="{D2ADDB3D-CF8A-496E-BD97-4836CC498D02}" destId="{8BE038CA-1762-4521-90C2-AF8F38E8EB01}" srcOrd="6" destOrd="0" presId="urn:microsoft.com/office/officeart/2005/8/layout/vList2"/>
    <dgm:cxn modelId="{F9F4416D-8940-4C39-A3F5-6BC465A6068F}" type="presParOf" srcId="{D2ADDB3D-CF8A-496E-BD97-4836CC498D02}" destId="{C52C8696-A0E3-415C-8BF7-A48DAF891913}" srcOrd="7" destOrd="0" presId="urn:microsoft.com/office/officeart/2005/8/layout/vList2"/>
    <dgm:cxn modelId="{72ADE180-CF5F-4BF5-84F9-D3A7E4B4E474}" type="presParOf" srcId="{D2ADDB3D-CF8A-496E-BD97-4836CC498D02}" destId="{3C9EAE91-4956-4893-8347-76EE5C3033C0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43A98567-FACF-4286-AFE5-B5F9CA8EF37E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</dgm:pt>
    <dgm:pt modelId="{D8A49AB1-11E5-4EFB-BF2F-8A18E3BA41DD}">
      <dgm:prSet phldrT="[Testo]" custT="1"/>
      <dgm:spPr/>
      <dgm:t>
        <a:bodyPr/>
        <a:lstStyle/>
        <a:p>
          <a:r>
            <a:rPr lang="it-IT" sz="1100" b="0" i="0" u="none" strike="noStrike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Ingresso in azienda di  pc e periferiche</a:t>
          </a:r>
          <a:endParaRPr lang="it-IT" sz="1100" i="0" dirty="0"/>
        </a:p>
      </dgm:t>
    </dgm:pt>
    <dgm:pt modelId="{58B729E2-011F-4D4C-ABA5-08A5B87BC048}" type="parTrans" cxnId="{E60FB7EA-5B08-45F2-A580-838A99DBC5E0}">
      <dgm:prSet/>
      <dgm:spPr/>
      <dgm:t>
        <a:bodyPr/>
        <a:lstStyle/>
        <a:p>
          <a:endParaRPr lang="it-IT" sz="3200"/>
        </a:p>
      </dgm:t>
    </dgm:pt>
    <dgm:pt modelId="{378A004E-8241-4FF0-85B1-A00FDE00C4D8}" type="sibTrans" cxnId="{E60FB7EA-5B08-45F2-A580-838A99DBC5E0}">
      <dgm:prSet/>
      <dgm:spPr/>
      <dgm:t>
        <a:bodyPr/>
        <a:lstStyle/>
        <a:p>
          <a:endParaRPr lang="it-IT" sz="3200"/>
        </a:p>
      </dgm:t>
    </dgm:pt>
    <dgm:pt modelId="{5A52953B-F651-4017-8B37-7DBC49F5F783}">
      <dgm:prSet phldrT="[Testo]" custT="1"/>
      <dgm:spPr/>
      <dgm:t>
        <a:bodyPr/>
        <a:lstStyle/>
        <a:p>
          <a:r>
            <a:rPr lang="it-IT" sz="1100" b="0" i="0" u="none" strike="noStrike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Assegnazioni non nominative</a:t>
          </a:r>
          <a:endParaRPr lang="it-IT" sz="1100" b="0" i="0" u="none" strike="noStrike" baseline="0" dirty="0">
            <a:solidFill>
              <a:schemeClr val="tx1"/>
            </a:solidFill>
            <a:latin typeface="+mn-lt"/>
            <a:ea typeface="+mn-ea"/>
            <a:cs typeface="+mn-cs"/>
          </a:endParaRPr>
        </a:p>
      </dgm:t>
    </dgm:pt>
    <dgm:pt modelId="{056262E4-CEA7-481A-A9BF-1E4D7C8D9FC0}" type="parTrans" cxnId="{C1CD9D3B-FC1E-457C-B7A9-04673F1996FB}">
      <dgm:prSet/>
      <dgm:spPr/>
      <dgm:t>
        <a:bodyPr/>
        <a:lstStyle/>
        <a:p>
          <a:endParaRPr lang="it-IT" sz="3200"/>
        </a:p>
      </dgm:t>
    </dgm:pt>
    <dgm:pt modelId="{BD22E893-030A-4A4F-92DB-0B3BE2C1CEA4}" type="sibTrans" cxnId="{C1CD9D3B-FC1E-457C-B7A9-04673F1996FB}">
      <dgm:prSet/>
      <dgm:spPr/>
      <dgm:t>
        <a:bodyPr/>
        <a:lstStyle/>
        <a:p>
          <a:endParaRPr lang="it-IT" sz="3200"/>
        </a:p>
      </dgm:t>
    </dgm:pt>
    <dgm:pt modelId="{46738D18-86D1-493D-9DEC-1B4E183A1933}">
      <dgm:prSet phldrT="[Testo]" custT="1"/>
      <dgm:spPr/>
      <dgm:t>
        <a:bodyPr/>
        <a:lstStyle/>
        <a:p>
          <a:r>
            <a:rPr lang="it-IT" sz="1100" dirty="0" smtClean="0"/>
            <a:t>Collocazione fisica  e principale</a:t>
          </a:r>
          <a:endParaRPr lang="it-IT" sz="1100" dirty="0"/>
        </a:p>
      </dgm:t>
    </dgm:pt>
    <dgm:pt modelId="{52DB2B8D-0CDA-4DB9-B065-64DDA0240C64}" type="parTrans" cxnId="{BD62D0F6-A84A-4576-B983-B123094CBD9E}">
      <dgm:prSet/>
      <dgm:spPr/>
      <dgm:t>
        <a:bodyPr/>
        <a:lstStyle/>
        <a:p>
          <a:endParaRPr lang="it-IT" sz="3200"/>
        </a:p>
      </dgm:t>
    </dgm:pt>
    <dgm:pt modelId="{4AE7FBD4-EA2B-4193-8283-4B2405349EE6}" type="sibTrans" cxnId="{BD62D0F6-A84A-4576-B983-B123094CBD9E}">
      <dgm:prSet/>
      <dgm:spPr/>
      <dgm:t>
        <a:bodyPr/>
        <a:lstStyle/>
        <a:p>
          <a:endParaRPr lang="it-IT" sz="3200"/>
        </a:p>
      </dgm:t>
    </dgm:pt>
    <dgm:pt modelId="{53E9BE4A-CBC7-41DF-A1CA-FD5D1D8B04FF}">
      <dgm:prSet phldrT="[Testo]" custT="1"/>
      <dgm:spPr/>
      <dgm:t>
        <a:bodyPr/>
        <a:lstStyle/>
        <a:p>
          <a:r>
            <a:rPr lang="it-IT" sz="1100" dirty="0" smtClean="0"/>
            <a:t>Periodicità dell’inventario</a:t>
          </a:r>
          <a:endParaRPr lang="it-IT" sz="1100" dirty="0"/>
        </a:p>
      </dgm:t>
    </dgm:pt>
    <dgm:pt modelId="{9A3B0BD9-C2A9-42F3-8BF1-803EDE573445}" type="parTrans" cxnId="{C305A140-D36C-4D1A-985E-4B8814AEA321}">
      <dgm:prSet/>
      <dgm:spPr/>
      <dgm:t>
        <a:bodyPr/>
        <a:lstStyle/>
        <a:p>
          <a:endParaRPr lang="it-IT" sz="3200"/>
        </a:p>
      </dgm:t>
    </dgm:pt>
    <dgm:pt modelId="{714F0F4B-6EE9-4796-A484-48B6076A2226}" type="sibTrans" cxnId="{C305A140-D36C-4D1A-985E-4B8814AEA321}">
      <dgm:prSet/>
      <dgm:spPr/>
      <dgm:t>
        <a:bodyPr/>
        <a:lstStyle/>
        <a:p>
          <a:endParaRPr lang="it-IT" sz="3200"/>
        </a:p>
      </dgm:t>
    </dgm:pt>
    <dgm:pt modelId="{A0DBE811-7A10-47E5-B51F-755F50F1BFBB}">
      <dgm:prSet phldrT="[Testo]" custT="1"/>
      <dgm:spPr/>
      <dgm:t>
        <a:bodyPr/>
        <a:lstStyle/>
        <a:p>
          <a:r>
            <a:rPr lang="it-IT" sz="1100" dirty="0" smtClean="0"/>
            <a:t>Limitazione delle installazioni</a:t>
          </a:r>
          <a:endParaRPr lang="it-IT" sz="1100" dirty="0"/>
        </a:p>
      </dgm:t>
    </dgm:pt>
    <dgm:pt modelId="{6A3EE051-9CD3-4A65-BD98-8311FBDB8767}" type="parTrans" cxnId="{9AE6B7D1-5C79-4025-8CEC-B2ECF3821BDA}">
      <dgm:prSet/>
      <dgm:spPr/>
      <dgm:t>
        <a:bodyPr/>
        <a:lstStyle/>
        <a:p>
          <a:endParaRPr lang="it-IT" sz="3200"/>
        </a:p>
      </dgm:t>
    </dgm:pt>
    <dgm:pt modelId="{CD53F712-01BD-47BE-BFA0-1FDE7A0EA784}" type="sibTrans" cxnId="{9AE6B7D1-5C79-4025-8CEC-B2ECF3821BDA}">
      <dgm:prSet/>
      <dgm:spPr/>
      <dgm:t>
        <a:bodyPr/>
        <a:lstStyle/>
        <a:p>
          <a:endParaRPr lang="it-IT" sz="3200"/>
        </a:p>
      </dgm:t>
    </dgm:pt>
    <dgm:pt modelId="{CBC2561A-17F7-4755-A4AC-632B66AB2CD3}">
      <dgm:prSet phldrT="[Testo]" custT="1"/>
      <dgm:spPr/>
      <dgm:t>
        <a:bodyPr/>
        <a:lstStyle/>
        <a:p>
          <a:r>
            <a:rPr lang="it-IT" sz="1100" dirty="0" smtClean="0"/>
            <a:t>Regolamento sull’utilizzo</a:t>
          </a:r>
          <a:endParaRPr lang="it-IT" sz="1100" dirty="0"/>
        </a:p>
      </dgm:t>
    </dgm:pt>
    <dgm:pt modelId="{56F553DD-8992-41EE-8599-95EC66D8D592}" type="parTrans" cxnId="{ECEDE05F-04FB-48B4-8171-117842D16C76}">
      <dgm:prSet/>
      <dgm:spPr/>
      <dgm:t>
        <a:bodyPr/>
        <a:lstStyle/>
        <a:p>
          <a:endParaRPr lang="it-IT" sz="3200"/>
        </a:p>
      </dgm:t>
    </dgm:pt>
    <dgm:pt modelId="{69E4880B-51FB-40B6-B69F-4E02EB6E115F}" type="sibTrans" cxnId="{ECEDE05F-04FB-48B4-8171-117842D16C76}">
      <dgm:prSet/>
      <dgm:spPr/>
      <dgm:t>
        <a:bodyPr/>
        <a:lstStyle/>
        <a:p>
          <a:endParaRPr lang="it-IT" sz="3200"/>
        </a:p>
      </dgm:t>
    </dgm:pt>
    <dgm:pt modelId="{1C4DB208-02A0-4577-82C8-A56575731B2C}">
      <dgm:prSet phldrT="[Testo]" custT="1"/>
      <dgm:spPr/>
      <dgm:t>
        <a:bodyPr/>
        <a:lstStyle/>
        <a:p>
          <a:r>
            <a:rPr lang="it-IT" sz="1100" dirty="0" smtClean="0"/>
            <a:t>Rispetto della normativa su privacy e sicurezza</a:t>
          </a:r>
          <a:endParaRPr lang="it-IT" sz="1100" dirty="0"/>
        </a:p>
      </dgm:t>
    </dgm:pt>
    <dgm:pt modelId="{530DC772-8CB0-4507-8201-F8DAB38BFD39}" type="parTrans" cxnId="{A47A8AC9-02D5-417D-8B2E-1239AE86F693}">
      <dgm:prSet/>
      <dgm:spPr/>
      <dgm:t>
        <a:bodyPr/>
        <a:lstStyle/>
        <a:p>
          <a:endParaRPr lang="it-IT" sz="3200"/>
        </a:p>
      </dgm:t>
    </dgm:pt>
    <dgm:pt modelId="{68218688-A752-47BB-B0D4-03FBFDAFB9E3}" type="sibTrans" cxnId="{A47A8AC9-02D5-417D-8B2E-1239AE86F693}">
      <dgm:prSet/>
      <dgm:spPr/>
      <dgm:t>
        <a:bodyPr/>
        <a:lstStyle/>
        <a:p>
          <a:endParaRPr lang="it-IT" sz="3200"/>
        </a:p>
      </dgm:t>
    </dgm:pt>
    <dgm:pt modelId="{9DEEDF57-F474-4A6D-8E38-763C68B50D08}" type="pres">
      <dgm:prSet presAssocID="{43A98567-FACF-4286-AFE5-B5F9CA8EF37E}" presName="Name0" presStyleCnt="0">
        <dgm:presLayoutVars>
          <dgm:dir/>
          <dgm:resizeHandles val="exact"/>
        </dgm:presLayoutVars>
      </dgm:prSet>
      <dgm:spPr/>
    </dgm:pt>
    <dgm:pt modelId="{074F8266-6291-4B36-BF7A-C66FDFA3DCDF}" type="pres">
      <dgm:prSet presAssocID="{43A98567-FACF-4286-AFE5-B5F9CA8EF37E}" presName="fgShape" presStyleLbl="fgShp" presStyleIdx="0" presStyleCnt="1"/>
      <dgm:spPr/>
    </dgm:pt>
    <dgm:pt modelId="{BFF6D018-C800-4D31-927F-DF911FF9B53E}" type="pres">
      <dgm:prSet presAssocID="{43A98567-FACF-4286-AFE5-B5F9CA8EF37E}" presName="linComp" presStyleCnt="0"/>
      <dgm:spPr/>
    </dgm:pt>
    <dgm:pt modelId="{C49F6320-98B3-4EF5-8C2D-53D08BAA6E6C}" type="pres">
      <dgm:prSet presAssocID="{D8A49AB1-11E5-4EFB-BF2F-8A18E3BA41DD}" presName="compNode" presStyleCnt="0"/>
      <dgm:spPr/>
    </dgm:pt>
    <dgm:pt modelId="{08D7E9B2-2E1C-44FD-807D-76D905691AC2}" type="pres">
      <dgm:prSet presAssocID="{D8A49AB1-11E5-4EFB-BF2F-8A18E3BA41DD}" presName="bkgdShape" presStyleLbl="node1" presStyleIdx="0" presStyleCnt="7"/>
      <dgm:spPr/>
      <dgm:t>
        <a:bodyPr/>
        <a:lstStyle/>
        <a:p>
          <a:endParaRPr lang="it-IT"/>
        </a:p>
      </dgm:t>
    </dgm:pt>
    <dgm:pt modelId="{46A281D9-0538-435F-85C9-B704352E89DD}" type="pres">
      <dgm:prSet presAssocID="{D8A49AB1-11E5-4EFB-BF2F-8A18E3BA41DD}" presName="nodeTx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EA9F152-7463-45DA-B5F3-BA7E36C204B7}" type="pres">
      <dgm:prSet presAssocID="{D8A49AB1-11E5-4EFB-BF2F-8A18E3BA41DD}" presName="invisiNode" presStyleLbl="node1" presStyleIdx="0" presStyleCnt="7"/>
      <dgm:spPr/>
    </dgm:pt>
    <dgm:pt modelId="{AD908F5B-BFD2-4710-B7B8-C275DF75C304}" type="pres">
      <dgm:prSet presAssocID="{D8A49AB1-11E5-4EFB-BF2F-8A18E3BA41DD}" presName="imagNode" presStyleLbl="fgImgPlace1" presStyleIdx="0" presStyleCnt="7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E006C2AE-19C4-4370-87A2-3F174D94CD00}" type="pres">
      <dgm:prSet presAssocID="{378A004E-8241-4FF0-85B1-A00FDE00C4D8}" presName="sibTrans" presStyleLbl="sibTrans2D1" presStyleIdx="0" presStyleCnt="0"/>
      <dgm:spPr/>
      <dgm:t>
        <a:bodyPr/>
        <a:lstStyle/>
        <a:p>
          <a:endParaRPr lang="it-IT"/>
        </a:p>
      </dgm:t>
    </dgm:pt>
    <dgm:pt modelId="{1B42EDAA-0694-4567-A810-15D7C753B698}" type="pres">
      <dgm:prSet presAssocID="{5A52953B-F651-4017-8B37-7DBC49F5F783}" presName="compNode" presStyleCnt="0"/>
      <dgm:spPr/>
    </dgm:pt>
    <dgm:pt modelId="{420ABD13-D6E8-479C-B300-353B1495F353}" type="pres">
      <dgm:prSet presAssocID="{5A52953B-F651-4017-8B37-7DBC49F5F783}" presName="bkgdShape" presStyleLbl="node1" presStyleIdx="1" presStyleCnt="7"/>
      <dgm:spPr/>
      <dgm:t>
        <a:bodyPr/>
        <a:lstStyle/>
        <a:p>
          <a:endParaRPr lang="it-IT"/>
        </a:p>
      </dgm:t>
    </dgm:pt>
    <dgm:pt modelId="{017E6D28-9F43-4B48-923E-AAC63312E6EE}" type="pres">
      <dgm:prSet presAssocID="{5A52953B-F651-4017-8B37-7DBC49F5F783}" presName="nodeTx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B16D720-C332-48D5-BEA8-A8DD2BCD4263}" type="pres">
      <dgm:prSet presAssocID="{5A52953B-F651-4017-8B37-7DBC49F5F783}" presName="invisiNode" presStyleLbl="node1" presStyleIdx="1" presStyleCnt="7"/>
      <dgm:spPr/>
    </dgm:pt>
    <dgm:pt modelId="{F388B557-2BBB-477E-A06F-8A61068EFC46}" type="pres">
      <dgm:prSet presAssocID="{5A52953B-F651-4017-8B37-7DBC49F5F783}" presName="imagNode" presStyleLbl="fgImgPlace1" presStyleIdx="1" presStyleCnt="7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DDA9E7E-667E-4DCF-A788-56CD0541114E}" type="pres">
      <dgm:prSet presAssocID="{BD22E893-030A-4A4F-92DB-0B3BE2C1CEA4}" presName="sibTrans" presStyleLbl="sibTrans2D1" presStyleIdx="0" presStyleCnt="0"/>
      <dgm:spPr/>
      <dgm:t>
        <a:bodyPr/>
        <a:lstStyle/>
        <a:p>
          <a:endParaRPr lang="it-IT"/>
        </a:p>
      </dgm:t>
    </dgm:pt>
    <dgm:pt modelId="{9E6F0765-AC14-4460-BF3F-4A13A9FF4C46}" type="pres">
      <dgm:prSet presAssocID="{46738D18-86D1-493D-9DEC-1B4E183A1933}" presName="compNode" presStyleCnt="0"/>
      <dgm:spPr/>
    </dgm:pt>
    <dgm:pt modelId="{36C69C84-37A9-43B7-ABBA-27D7F1AF333F}" type="pres">
      <dgm:prSet presAssocID="{46738D18-86D1-493D-9DEC-1B4E183A1933}" presName="bkgdShape" presStyleLbl="node1" presStyleIdx="2" presStyleCnt="7"/>
      <dgm:spPr/>
      <dgm:t>
        <a:bodyPr/>
        <a:lstStyle/>
        <a:p>
          <a:endParaRPr lang="it-IT"/>
        </a:p>
      </dgm:t>
    </dgm:pt>
    <dgm:pt modelId="{04E73329-A7E5-40FE-9A62-6A81B3E7428D}" type="pres">
      <dgm:prSet presAssocID="{46738D18-86D1-493D-9DEC-1B4E183A1933}" presName="nodeTx" presStyleLbl="node1" presStyleIdx="2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834A8B1-0414-4071-B0C8-F5EBA3894C29}" type="pres">
      <dgm:prSet presAssocID="{46738D18-86D1-493D-9DEC-1B4E183A1933}" presName="invisiNode" presStyleLbl="node1" presStyleIdx="2" presStyleCnt="7"/>
      <dgm:spPr/>
    </dgm:pt>
    <dgm:pt modelId="{14375040-64E6-41FF-B466-8DF3F9D8E43B}" type="pres">
      <dgm:prSet presAssocID="{46738D18-86D1-493D-9DEC-1B4E183A1933}" presName="imagNode" presStyleLbl="fgImgPlace1" presStyleIdx="2" presStyleCnt="7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1771982-4197-4AA6-A6AF-85C2CC4354AB}" type="pres">
      <dgm:prSet presAssocID="{4AE7FBD4-EA2B-4193-8283-4B2405349EE6}" presName="sibTrans" presStyleLbl="sibTrans2D1" presStyleIdx="0" presStyleCnt="0"/>
      <dgm:spPr/>
      <dgm:t>
        <a:bodyPr/>
        <a:lstStyle/>
        <a:p>
          <a:endParaRPr lang="it-IT"/>
        </a:p>
      </dgm:t>
    </dgm:pt>
    <dgm:pt modelId="{1FB9A380-1E48-44C2-87ED-2B0709CE94D4}" type="pres">
      <dgm:prSet presAssocID="{A0DBE811-7A10-47E5-B51F-755F50F1BFBB}" presName="compNode" presStyleCnt="0"/>
      <dgm:spPr/>
    </dgm:pt>
    <dgm:pt modelId="{B3909270-6D8C-4BAE-B85F-9989B16958A1}" type="pres">
      <dgm:prSet presAssocID="{A0DBE811-7A10-47E5-B51F-755F50F1BFBB}" presName="bkgdShape" presStyleLbl="node1" presStyleIdx="3" presStyleCnt="7" custScaleX="93751"/>
      <dgm:spPr/>
      <dgm:t>
        <a:bodyPr/>
        <a:lstStyle/>
        <a:p>
          <a:endParaRPr lang="it-IT"/>
        </a:p>
      </dgm:t>
    </dgm:pt>
    <dgm:pt modelId="{2A4034C9-54D5-4254-983D-2D32C1EBA867}" type="pres">
      <dgm:prSet presAssocID="{A0DBE811-7A10-47E5-B51F-755F50F1BFBB}" presName="nodeTx" presStyleLbl="node1" presStyleIdx="3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A72C9163-86FB-463C-9970-0693C100B947}" type="pres">
      <dgm:prSet presAssocID="{A0DBE811-7A10-47E5-B51F-755F50F1BFBB}" presName="invisiNode" presStyleLbl="node1" presStyleIdx="3" presStyleCnt="7"/>
      <dgm:spPr/>
    </dgm:pt>
    <dgm:pt modelId="{5B82E1D4-EFAD-4C57-AAAC-AEFAD19F3627}" type="pres">
      <dgm:prSet presAssocID="{A0DBE811-7A10-47E5-B51F-755F50F1BFBB}" presName="imagNode" presStyleLbl="fgImgPlace1" presStyleIdx="3" presStyleCnt="7"/>
      <dgm:spPr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72BB1AE-6B73-42C6-A1C9-BA0C98D27BC9}" type="pres">
      <dgm:prSet presAssocID="{CD53F712-01BD-47BE-BFA0-1FDE7A0EA784}" presName="sibTrans" presStyleLbl="sibTrans2D1" presStyleIdx="0" presStyleCnt="0"/>
      <dgm:spPr/>
      <dgm:t>
        <a:bodyPr/>
        <a:lstStyle/>
        <a:p>
          <a:endParaRPr lang="it-IT"/>
        </a:p>
      </dgm:t>
    </dgm:pt>
    <dgm:pt modelId="{5AA96770-8293-4B86-B5AE-D999ADC46C76}" type="pres">
      <dgm:prSet presAssocID="{53E9BE4A-CBC7-41DF-A1CA-FD5D1D8B04FF}" presName="compNode" presStyleCnt="0"/>
      <dgm:spPr/>
    </dgm:pt>
    <dgm:pt modelId="{C63E1F87-D860-462A-9D8D-3E45249E8EEC}" type="pres">
      <dgm:prSet presAssocID="{53E9BE4A-CBC7-41DF-A1CA-FD5D1D8B04FF}" presName="bkgdShape" presStyleLbl="node1" presStyleIdx="4" presStyleCnt="7"/>
      <dgm:spPr/>
      <dgm:t>
        <a:bodyPr/>
        <a:lstStyle/>
        <a:p>
          <a:endParaRPr lang="it-IT"/>
        </a:p>
      </dgm:t>
    </dgm:pt>
    <dgm:pt modelId="{5FF65929-EF30-4F48-B99B-D0478BDF979C}" type="pres">
      <dgm:prSet presAssocID="{53E9BE4A-CBC7-41DF-A1CA-FD5D1D8B04FF}" presName="nodeTx" presStyleLbl="node1" presStyleIdx="4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479020B-2837-4472-8BAA-B2E525FB7446}" type="pres">
      <dgm:prSet presAssocID="{53E9BE4A-CBC7-41DF-A1CA-FD5D1D8B04FF}" presName="invisiNode" presStyleLbl="node1" presStyleIdx="4" presStyleCnt="7"/>
      <dgm:spPr/>
    </dgm:pt>
    <dgm:pt modelId="{856BC29D-5A75-4B8A-B2F4-E0D14BFB1634}" type="pres">
      <dgm:prSet presAssocID="{53E9BE4A-CBC7-41DF-A1CA-FD5D1D8B04FF}" presName="imagNode" presStyleLbl="fgImgPlace1" presStyleIdx="4" presStyleCnt="7"/>
      <dgm:spPr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7A57ED07-9742-4850-A58D-651FDDE2ECE0}" type="pres">
      <dgm:prSet presAssocID="{714F0F4B-6EE9-4796-A484-48B6076A2226}" presName="sibTrans" presStyleLbl="sibTrans2D1" presStyleIdx="0" presStyleCnt="0"/>
      <dgm:spPr/>
      <dgm:t>
        <a:bodyPr/>
        <a:lstStyle/>
        <a:p>
          <a:endParaRPr lang="it-IT"/>
        </a:p>
      </dgm:t>
    </dgm:pt>
    <dgm:pt modelId="{A318F881-D763-4F10-9419-53FE04289DF1}" type="pres">
      <dgm:prSet presAssocID="{CBC2561A-17F7-4755-A4AC-632B66AB2CD3}" presName="compNode" presStyleCnt="0"/>
      <dgm:spPr/>
    </dgm:pt>
    <dgm:pt modelId="{ED0EAC18-0086-42BF-8497-EC7BA1AA3071}" type="pres">
      <dgm:prSet presAssocID="{CBC2561A-17F7-4755-A4AC-632B66AB2CD3}" presName="bkgdShape" presStyleLbl="node1" presStyleIdx="5" presStyleCnt="7"/>
      <dgm:spPr/>
      <dgm:t>
        <a:bodyPr/>
        <a:lstStyle/>
        <a:p>
          <a:endParaRPr lang="it-IT"/>
        </a:p>
      </dgm:t>
    </dgm:pt>
    <dgm:pt modelId="{E3FA2B6E-0B7F-4761-ADBF-21596BEF4C0B}" type="pres">
      <dgm:prSet presAssocID="{CBC2561A-17F7-4755-A4AC-632B66AB2CD3}" presName="nodeTx" presStyleLbl="node1" presStyleIdx="5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EF75CD2-7F71-4CFA-B7F3-99157E639F33}" type="pres">
      <dgm:prSet presAssocID="{CBC2561A-17F7-4755-A4AC-632B66AB2CD3}" presName="invisiNode" presStyleLbl="node1" presStyleIdx="5" presStyleCnt="7"/>
      <dgm:spPr/>
    </dgm:pt>
    <dgm:pt modelId="{B27891DC-BFA1-4E10-94BA-7E594CE775D3}" type="pres">
      <dgm:prSet presAssocID="{CBC2561A-17F7-4755-A4AC-632B66AB2CD3}" presName="imagNode" presStyleLbl="fgImgPlace1" presStyleIdx="5" presStyleCnt="7"/>
      <dgm:spPr>
        <a:blipFill>
          <a:blip xmlns:r="http://schemas.openxmlformats.org/officeDocument/2006/relationships"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C468FFF4-1F1E-4288-B7D3-51EC5DD7FEA7}" type="pres">
      <dgm:prSet presAssocID="{69E4880B-51FB-40B6-B69F-4E02EB6E115F}" presName="sibTrans" presStyleLbl="sibTrans2D1" presStyleIdx="0" presStyleCnt="0"/>
      <dgm:spPr/>
      <dgm:t>
        <a:bodyPr/>
        <a:lstStyle/>
        <a:p>
          <a:endParaRPr lang="it-IT"/>
        </a:p>
      </dgm:t>
    </dgm:pt>
    <dgm:pt modelId="{B0C93E87-CA49-46C5-A323-ABBFD0B6F673}" type="pres">
      <dgm:prSet presAssocID="{1C4DB208-02A0-4577-82C8-A56575731B2C}" presName="compNode" presStyleCnt="0"/>
      <dgm:spPr/>
    </dgm:pt>
    <dgm:pt modelId="{5AEC8916-1DBB-43B9-9D57-C460698A15AD}" type="pres">
      <dgm:prSet presAssocID="{1C4DB208-02A0-4577-82C8-A56575731B2C}" presName="bkgdShape" presStyleLbl="node1" presStyleIdx="6" presStyleCnt="7"/>
      <dgm:spPr/>
      <dgm:t>
        <a:bodyPr/>
        <a:lstStyle/>
        <a:p>
          <a:endParaRPr lang="it-IT"/>
        </a:p>
      </dgm:t>
    </dgm:pt>
    <dgm:pt modelId="{4ADAAB3F-B054-48CF-AF96-D22D7771E2A5}" type="pres">
      <dgm:prSet presAssocID="{1C4DB208-02A0-4577-82C8-A56575731B2C}" presName="nodeTx" presStyleLbl="node1" presStyleIdx="6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E7FCAC74-59CE-462B-B626-03B90FB17F10}" type="pres">
      <dgm:prSet presAssocID="{1C4DB208-02A0-4577-82C8-A56575731B2C}" presName="invisiNode" presStyleLbl="node1" presStyleIdx="6" presStyleCnt="7"/>
      <dgm:spPr/>
    </dgm:pt>
    <dgm:pt modelId="{CB3EC846-F983-49C7-B309-C02EC73112F2}" type="pres">
      <dgm:prSet presAssocID="{1C4DB208-02A0-4577-82C8-A56575731B2C}" presName="imagNode" presStyleLbl="fgImgPlace1" presStyleIdx="6" presStyleCnt="7"/>
      <dgm:spPr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</dgm:ptLst>
  <dgm:cxnLst>
    <dgm:cxn modelId="{53633732-1A3B-4031-95A2-490B133CA3A6}" type="presOf" srcId="{1C4DB208-02A0-4577-82C8-A56575731B2C}" destId="{5AEC8916-1DBB-43B9-9D57-C460698A15AD}" srcOrd="0" destOrd="0" presId="urn:microsoft.com/office/officeart/2005/8/layout/hList7"/>
    <dgm:cxn modelId="{916A6B13-032A-479C-885C-8AF1793C34A1}" type="presOf" srcId="{CBC2561A-17F7-4755-A4AC-632B66AB2CD3}" destId="{ED0EAC18-0086-42BF-8497-EC7BA1AA3071}" srcOrd="0" destOrd="0" presId="urn:microsoft.com/office/officeart/2005/8/layout/hList7"/>
    <dgm:cxn modelId="{0EB495C2-A64B-4C3F-9B1D-83AB62371289}" type="presOf" srcId="{CBC2561A-17F7-4755-A4AC-632B66AB2CD3}" destId="{E3FA2B6E-0B7F-4761-ADBF-21596BEF4C0B}" srcOrd="1" destOrd="0" presId="urn:microsoft.com/office/officeart/2005/8/layout/hList7"/>
    <dgm:cxn modelId="{6E10E9F2-3EBD-4756-98D4-9E5BC333306A}" type="presOf" srcId="{43A98567-FACF-4286-AFE5-B5F9CA8EF37E}" destId="{9DEEDF57-F474-4A6D-8E38-763C68B50D08}" srcOrd="0" destOrd="0" presId="urn:microsoft.com/office/officeart/2005/8/layout/hList7"/>
    <dgm:cxn modelId="{789D0B7C-9B51-4098-8807-97ACED926463}" type="presOf" srcId="{A0DBE811-7A10-47E5-B51F-755F50F1BFBB}" destId="{B3909270-6D8C-4BAE-B85F-9989B16958A1}" srcOrd="0" destOrd="0" presId="urn:microsoft.com/office/officeart/2005/8/layout/hList7"/>
    <dgm:cxn modelId="{8C2E633B-5B30-412C-9238-A5B700042F60}" type="presOf" srcId="{46738D18-86D1-493D-9DEC-1B4E183A1933}" destId="{04E73329-A7E5-40FE-9A62-6A81B3E7428D}" srcOrd="1" destOrd="0" presId="urn:microsoft.com/office/officeart/2005/8/layout/hList7"/>
    <dgm:cxn modelId="{C1CD9D3B-FC1E-457C-B7A9-04673F1996FB}" srcId="{43A98567-FACF-4286-AFE5-B5F9CA8EF37E}" destId="{5A52953B-F651-4017-8B37-7DBC49F5F783}" srcOrd="1" destOrd="0" parTransId="{056262E4-CEA7-481A-A9BF-1E4D7C8D9FC0}" sibTransId="{BD22E893-030A-4A4F-92DB-0B3BE2C1CEA4}"/>
    <dgm:cxn modelId="{9AE6B7D1-5C79-4025-8CEC-B2ECF3821BDA}" srcId="{43A98567-FACF-4286-AFE5-B5F9CA8EF37E}" destId="{A0DBE811-7A10-47E5-B51F-755F50F1BFBB}" srcOrd="3" destOrd="0" parTransId="{6A3EE051-9CD3-4A65-BD98-8311FBDB8767}" sibTransId="{CD53F712-01BD-47BE-BFA0-1FDE7A0EA784}"/>
    <dgm:cxn modelId="{15DE6CEF-F73A-42E1-9B94-BFA889519606}" type="presOf" srcId="{1C4DB208-02A0-4577-82C8-A56575731B2C}" destId="{4ADAAB3F-B054-48CF-AF96-D22D7771E2A5}" srcOrd="1" destOrd="0" presId="urn:microsoft.com/office/officeart/2005/8/layout/hList7"/>
    <dgm:cxn modelId="{D54991AE-C78B-43D6-A82C-5F13824D8156}" type="presOf" srcId="{BD22E893-030A-4A4F-92DB-0B3BE2C1CEA4}" destId="{4DDA9E7E-667E-4DCF-A788-56CD0541114E}" srcOrd="0" destOrd="0" presId="urn:microsoft.com/office/officeart/2005/8/layout/hList7"/>
    <dgm:cxn modelId="{8DDE10E0-C8B1-422C-BB4A-4A00D07BD908}" type="presOf" srcId="{A0DBE811-7A10-47E5-B51F-755F50F1BFBB}" destId="{2A4034C9-54D5-4254-983D-2D32C1EBA867}" srcOrd="1" destOrd="0" presId="urn:microsoft.com/office/officeart/2005/8/layout/hList7"/>
    <dgm:cxn modelId="{5F662C3E-0222-43B1-AF00-3B0B0B78A6EA}" type="presOf" srcId="{53E9BE4A-CBC7-41DF-A1CA-FD5D1D8B04FF}" destId="{5FF65929-EF30-4F48-B99B-D0478BDF979C}" srcOrd="1" destOrd="0" presId="urn:microsoft.com/office/officeart/2005/8/layout/hList7"/>
    <dgm:cxn modelId="{A47A8AC9-02D5-417D-8B2E-1239AE86F693}" srcId="{43A98567-FACF-4286-AFE5-B5F9CA8EF37E}" destId="{1C4DB208-02A0-4577-82C8-A56575731B2C}" srcOrd="6" destOrd="0" parTransId="{530DC772-8CB0-4507-8201-F8DAB38BFD39}" sibTransId="{68218688-A752-47BB-B0D4-03FBFDAFB9E3}"/>
    <dgm:cxn modelId="{E2FA9509-64E7-47F3-BF65-98F475E5DAFE}" type="presOf" srcId="{D8A49AB1-11E5-4EFB-BF2F-8A18E3BA41DD}" destId="{08D7E9B2-2E1C-44FD-807D-76D905691AC2}" srcOrd="0" destOrd="0" presId="urn:microsoft.com/office/officeart/2005/8/layout/hList7"/>
    <dgm:cxn modelId="{5522FD6D-8DB5-41B7-8C84-3E83D3EA86DD}" type="presOf" srcId="{CD53F712-01BD-47BE-BFA0-1FDE7A0EA784}" destId="{472BB1AE-6B73-42C6-A1C9-BA0C98D27BC9}" srcOrd="0" destOrd="0" presId="urn:microsoft.com/office/officeart/2005/8/layout/hList7"/>
    <dgm:cxn modelId="{8181C025-3272-42F1-956B-6A87EF6DBEBC}" type="presOf" srcId="{4AE7FBD4-EA2B-4193-8283-4B2405349EE6}" destId="{41771982-4197-4AA6-A6AF-85C2CC4354AB}" srcOrd="0" destOrd="0" presId="urn:microsoft.com/office/officeart/2005/8/layout/hList7"/>
    <dgm:cxn modelId="{E60FB7EA-5B08-45F2-A580-838A99DBC5E0}" srcId="{43A98567-FACF-4286-AFE5-B5F9CA8EF37E}" destId="{D8A49AB1-11E5-4EFB-BF2F-8A18E3BA41DD}" srcOrd="0" destOrd="0" parTransId="{58B729E2-011F-4D4C-ABA5-08A5B87BC048}" sibTransId="{378A004E-8241-4FF0-85B1-A00FDE00C4D8}"/>
    <dgm:cxn modelId="{010E1D78-C6A4-4A03-9C60-5E743FC3E6B3}" type="presOf" srcId="{46738D18-86D1-493D-9DEC-1B4E183A1933}" destId="{36C69C84-37A9-43B7-ABBA-27D7F1AF333F}" srcOrd="0" destOrd="0" presId="urn:microsoft.com/office/officeart/2005/8/layout/hList7"/>
    <dgm:cxn modelId="{9D2995AE-F50E-4B04-948D-49D216C3C65F}" type="presOf" srcId="{53E9BE4A-CBC7-41DF-A1CA-FD5D1D8B04FF}" destId="{C63E1F87-D860-462A-9D8D-3E45249E8EEC}" srcOrd="0" destOrd="0" presId="urn:microsoft.com/office/officeart/2005/8/layout/hList7"/>
    <dgm:cxn modelId="{04C57E39-E7FC-46B4-BE40-AA86DDC4B7B0}" type="presOf" srcId="{714F0F4B-6EE9-4796-A484-48B6076A2226}" destId="{7A57ED07-9742-4850-A58D-651FDDE2ECE0}" srcOrd="0" destOrd="0" presId="urn:microsoft.com/office/officeart/2005/8/layout/hList7"/>
    <dgm:cxn modelId="{D5A4AB10-48CD-445E-9F1D-E0DB44D12E04}" type="presOf" srcId="{5A52953B-F651-4017-8B37-7DBC49F5F783}" destId="{017E6D28-9F43-4B48-923E-AAC63312E6EE}" srcOrd="1" destOrd="0" presId="urn:microsoft.com/office/officeart/2005/8/layout/hList7"/>
    <dgm:cxn modelId="{770BD668-5FCA-4E95-88D8-2D226EA80A88}" type="presOf" srcId="{5A52953B-F651-4017-8B37-7DBC49F5F783}" destId="{420ABD13-D6E8-479C-B300-353B1495F353}" srcOrd="0" destOrd="0" presId="urn:microsoft.com/office/officeart/2005/8/layout/hList7"/>
    <dgm:cxn modelId="{ECEDE05F-04FB-48B4-8171-117842D16C76}" srcId="{43A98567-FACF-4286-AFE5-B5F9CA8EF37E}" destId="{CBC2561A-17F7-4755-A4AC-632B66AB2CD3}" srcOrd="5" destOrd="0" parTransId="{56F553DD-8992-41EE-8599-95EC66D8D592}" sibTransId="{69E4880B-51FB-40B6-B69F-4E02EB6E115F}"/>
    <dgm:cxn modelId="{A6261B13-51B7-4F96-8040-9A5DF7942D8F}" type="presOf" srcId="{69E4880B-51FB-40B6-B69F-4E02EB6E115F}" destId="{C468FFF4-1F1E-4288-B7D3-51EC5DD7FEA7}" srcOrd="0" destOrd="0" presId="urn:microsoft.com/office/officeart/2005/8/layout/hList7"/>
    <dgm:cxn modelId="{91EECD9F-0402-4F9A-8D38-783F0B587D3A}" type="presOf" srcId="{D8A49AB1-11E5-4EFB-BF2F-8A18E3BA41DD}" destId="{46A281D9-0538-435F-85C9-B704352E89DD}" srcOrd="1" destOrd="0" presId="urn:microsoft.com/office/officeart/2005/8/layout/hList7"/>
    <dgm:cxn modelId="{ED5D7994-2AC8-4DE2-87D0-FE848636AF30}" type="presOf" srcId="{378A004E-8241-4FF0-85B1-A00FDE00C4D8}" destId="{E006C2AE-19C4-4370-87A2-3F174D94CD00}" srcOrd="0" destOrd="0" presId="urn:microsoft.com/office/officeart/2005/8/layout/hList7"/>
    <dgm:cxn modelId="{C305A140-D36C-4D1A-985E-4B8814AEA321}" srcId="{43A98567-FACF-4286-AFE5-B5F9CA8EF37E}" destId="{53E9BE4A-CBC7-41DF-A1CA-FD5D1D8B04FF}" srcOrd="4" destOrd="0" parTransId="{9A3B0BD9-C2A9-42F3-8BF1-803EDE573445}" sibTransId="{714F0F4B-6EE9-4796-A484-48B6076A2226}"/>
    <dgm:cxn modelId="{BD62D0F6-A84A-4576-B983-B123094CBD9E}" srcId="{43A98567-FACF-4286-AFE5-B5F9CA8EF37E}" destId="{46738D18-86D1-493D-9DEC-1B4E183A1933}" srcOrd="2" destOrd="0" parTransId="{52DB2B8D-0CDA-4DB9-B065-64DDA0240C64}" sibTransId="{4AE7FBD4-EA2B-4193-8283-4B2405349EE6}"/>
    <dgm:cxn modelId="{ACCBA120-A9F2-4152-8E49-2F5EF96583E7}" type="presParOf" srcId="{9DEEDF57-F474-4A6D-8E38-763C68B50D08}" destId="{074F8266-6291-4B36-BF7A-C66FDFA3DCDF}" srcOrd="0" destOrd="0" presId="urn:microsoft.com/office/officeart/2005/8/layout/hList7"/>
    <dgm:cxn modelId="{D178EDE1-980D-42DF-A8BC-1E2D1D1C905B}" type="presParOf" srcId="{9DEEDF57-F474-4A6D-8E38-763C68B50D08}" destId="{BFF6D018-C800-4D31-927F-DF911FF9B53E}" srcOrd="1" destOrd="0" presId="urn:microsoft.com/office/officeart/2005/8/layout/hList7"/>
    <dgm:cxn modelId="{E88C2124-FF44-4B2C-8619-582F14334F29}" type="presParOf" srcId="{BFF6D018-C800-4D31-927F-DF911FF9B53E}" destId="{C49F6320-98B3-4EF5-8C2D-53D08BAA6E6C}" srcOrd="0" destOrd="0" presId="urn:microsoft.com/office/officeart/2005/8/layout/hList7"/>
    <dgm:cxn modelId="{5477A2C2-45AB-4CA3-A3FD-928DAE914005}" type="presParOf" srcId="{C49F6320-98B3-4EF5-8C2D-53D08BAA6E6C}" destId="{08D7E9B2-2E1C-44FD-807D-76D905691AC2}" srcOrd="0" destOrd="0" presId="urn:microsoft.com/office/officeart/2005/8/layout/hList7"/>
    <dgm:cxn modelId="{4D8852BD-0FE6-4D02-BA67-DA06A2FC5DC7}" type="presParOf" srcId="{C49F6320-98B3-4EF5-8C2D-53D08BAA6E6C}" destId="{46A281D9-0538-435F-85C9-B704352E89DD}" srcOrd="1" destOrd="0" presId="urn:microsoft.com/office/officeart/2005/8/layout/hList7"/>
    <dgm:cxn modelId="{3309B1EE-B3AC-4810-8DF3-C0418EBB4FB2}" type="presParOf" srcId="{C49F6320-98B3-4EF5-8C2D-53D08BAA6E6C}" destId="{FEA9F152-7463-45DA-B5F3-BA7E36C204B7}" srcOrd="2" destOrd="0" presId="urn:microsoft.com/office/officeart/2005/8/layout/hList7"/>
    <dgm:cxn modelId="{13CA1B82-3B11-4E8F-A703-CBA00BECC8CB}" type="presParOf" srcId="{C49F6320-98B3-4EF5-8C2D-53D08BAA6E6C}" destId="{AD908F5B-BFD2-4710-B7B8-C275DF75C304}" srcOrd="3" destOrd="0" presId="urn:microsoft.com/office/officeart/2005/8/layout/hList7"/>
    <dgm:cxn modelId="{043A4433-BDFE-4060-B671-ED1A2FD8AC61}" type="presParOf" srcId="{BFF6D018-C800-4D31-927F-DF911FF9B53E}" destId="{E006C2AE-19C4-4370-87A2-3F174D94CD00}" srcOrd="1" destOrd="0" presId="urn:microsoft.com/office/officeart/2005/8/layout/hList7"/>
    <dgm:cxn modelId="{15848C2F-91DE-430D-B524-A8458688A29C}" type="presParOf" srcId="{BFF6D018-C800-4D31-927F-DF911FF9B53E}" destId="{1B42EDAA-0694-4567-A810-15D7C753B698}" srcOrd="2" destOrd="0" presId="urn:microsoft.com/office/officeart/2005/8/layout/hList7"/>
    <dgm:cxn modelId="{C5BCAFB3-0C61-463B-B0D5-BFEE2E3D329B}" type="presParOf" srcId="{1B42EDAA-0694-4567-A810-15D7C753B698}" destId="{420ABD13-D6E8-479C-B300-353B1495F353}" srcOrd="0" destOrd="0" presId="urn:microsoft.com/office/officeart/2005/8/layout/hList7"/>
    <dgm:cxn modelId="{B7EE0B8A-0331-4E67-977F-996ED90F739B}" type="presParOf" srcId="{1B42EDAA-0694-4567-A810-15D7C753B698}" destId="{017E6D28-9F43-4B48-923E-AAC63312E6EE}" srcOrd="1" destOrd="0" presId="urn:microsoft.com/office/officeart/2005/8/layout/hList7"/>
    <dgm:cxn modelId="{4B813EB6-955C-4F16-85CF-8740DCD01A39}" type="presParOf" srcId="{1B42EDAA-0694-4567-A810-15D7C753B698}" destId="{CB16D720-C332-48D5-BEA8-A8DD2BCD4263}" srcOrd="2" destOrd="0" presId="urn:microsoft.com/office/officeart/2005/8/layout/hList7"/>
    <dgm:cxn modelId="{9D826AA3-E61C-4633-B89E-60C337B70264}" type="presParOf" srcId="{1B42EDAA-0694-4567-A810-15D7C753B698}" destId="{F388B557-2BBB-477E-A06F-8A61068EFC46}" srcOrd="3" destOrd="0" presId="urn:microsoft.com/office/officeart/2005/8/layout/hList7"/>
    <dgm:cxn modelId="{7F04CD1D-EA19-4843-A126-CCF18752B079}" type="presParOf" srcId="{BFF6D018-C800-4D31-927F-DF911FF9B53E}" destId="{4DDA9E7E-667E-4DCF-A788-56CD0541114E}" srcOrd="3" destOrd="0" presId="urn:microsoft.com/office/officeart/2005/8/layout/hList7"/>
    <dgm:cxn modelId="{1179BB63-AFB2-4F8B-9120-F3B492CF3DFD}" type="presParOf" srcId="{BFF6D018-C800-4D31-927F-DF911FF9B53E}" destId="{9E6F0765-AC14-4460-BF3F-4A13A9FF4C46}" srcOrd="4" destOrd="0" presId="urn:microsoft.com/office/officeart/2005/8/layout/hList7"/>
    <dgm:cxn modelId="{D947D27A-7A66-42FB-9C14-79AC18D06F33}" type="presParOf" srcId="{9E6F0765-AC14-4460-BF3F-4A13A9FF4C46}" destId="{36C69C84-37A9-43B7-ABBA-27D7F1AF333F}" srcOrd="0" destOrd="0" presId="urn:microsoft.com/office/officeart/2005/8/layout/hList7"/>
    <dgm:cxn modelId="{B900645D-E5C2-4CF5-84FA-D0E22A379AA9}" type="presParOf" srcId="{9E6F0765-AC14-4460-BF3F-4A13A9FF4C46}" destId="{04E73329-A7E5-40FE-9A62-6A81B3E7428D}" srcOrd="1" destOrd="0" presId="urn:microsoft.com/office/officeart/2005/8/layout/hList7"/>
    <dgm:cxn modelId="{AC63A8AF-9ED0-41A9-8EF2-40D25C91F863}" type="presParOf" srcId="{9E6F0765-AC14-4460-BF3F-4A13A9FF4C46}" destId="{F834A8B1-0414-4071-B0C8-F5EBA3894C29}" srcOrd="2" destOrd="0" presId="urn:microsoft.com/office/officeart/2005/8/layout/hList7"/>
    <dgm:cxn modelId="{04D4F798-0F86-4AF2-B829-A876A1F0E503}" type="presParOf" srcId="{9E6F0765-AC14-4460-BF3F-4A13A9FF4C46}" destId="{14375040-64E6-41FF-B466-8DF3F9D8E43B}" srcOrd="3" destOrd="0" presId="urn:microsoft.com/office/officeart/2005/8/layout/hList7"/>
    <dgm:cxn modelId="{B5C1B75C-0020-41DD-A916-439CD785DC47}" type="presParOf" srcId="{BFF6D018-C800-4D31-927F-DF911FF9B53E}" destId="{41771982-4197-4AA6-A6AF-85C2CC4354AB}" srcOrd="5" destOrd="0" presId="urn:microsoft.com/office/officeart/2005/8/layout/hList7"/>
    <dgm:cxn modelId="{3FEB6608-3C1C-428D-8C43-991373F74EC0}" type="presParOf" srcId="{BFF6D018-C800-4D31-927F-DF911FF9B53E}" destId="{1FB9A380-1E48-44C2-87ED-2B0709CE94D4}" srcOrd="6" destOrd="0" presId="urn:microsoft.com/office/officeart/2005/8/layout/hList7"/>
    <dgm:cxn modelId="{35D8F7DA-30A7-4BA2-823E-7CC4E32732A6}" type="presParOf" srcId="{1FB9A380-1E48-44C2-87ED-2B0709CE94D4}" destId="{B3909270-6D8C-4BAE-B85F-9989B16958A1}" srcOrd="0" destOrd="0" presId="urn:microsoft.com/office/officeart/2005/8/layout/hList7"/>
    <dgm:cxn modelId="{C92D7FBD-73DC-4D36-B0A8-5CD04EC7AB18}" type="presParOf" srcId="{1FB9A380-1E48-44C2-87ED-2B0709CE94D4}" destId="{2A4034C9-54D5-4254-983D-2D32C1EBA867}" srcOrd="1" destOrd="0" presId="urn:microsoft.com/office/officeart/2005/8/layout/hList7"/>
    <dgm:cxn modelId="{83AEFEA9-B77F-4D76-9B81-E4356D7B1669}" type="presParOf" srcId="{1FB9A380-1E48-44C2-87ED-2B0709CE94D4}" destId="{A72C9163-86FB-463C-9970-0693C100B947}" srcOrd="2" destOrd="0" presId="urn:microsoft.com/office/officeart/2005/8/layout/hList7"/>
    <dgm:cxn modelId="{40D2EF15-A4B4-4D39-9400-E5F62490DEAC}" type="presParOf" srcId="{1FB9A380-1E48-44C2-87ED-2B0709CE94D4}" destId="{5B82E1D4-EFAD-4C57-AAAC-AEFAD19F3627}" srcOrd="3" destOrd="0" presId="urn:microsoft.com/office/officeart/2005/8/layout/hList7"/>
    <dgm:cxn modelId="{157791DA-D8EF-456D-BF49-24F8C9636D94}" type="presParOf" srcId="{BFF6D018-C800-4D31-927F-DF911FF9B53E}" destId="{472BB1AE-6B73-42C6-A1C9-BA0C98D27BC9}" srcOrd="7" destOrd="0" presId="urn:microsoft.com/office/officeart/2005/8/layout/hList7"/>
    <dgm:cxn modelId="{AA39824F-B730-42D8-9D6D-6D10214D80E2}" type="presParOf" srcId="{BFF6D018-C800-4D31-927F-DF911FF9B53E}" destId="{5AA96770-8293-4B86-B5AE-D999ADC46C76}" srcOrd="8" destOrd="0" presId="urn:microsoft.com/office/officeart/2005/8/layout/hList7"/>
    <dgm:cxn modelId="{76072D41-C581-4FB8-8A9F-F338AA4AFE77}" type="presParOf" srcId="{5AA96770-8293-4B86-B5AE-D999ADC46C76}" destId="{C63E1F87-D860-462A-9D8D-3E45249E8EEC}" srcOrd="0" destOrd="0" presId="urn:microsoft.com/office/officeart/2005/8/layout/hList7"/>
    <dgm:cxn modelId="{1BF5C666-E5DA-48FE-AB01-FDF5D8D8563C}" type="presParOf" srcId="{5AA96770-8293-4B86-B5AE-D999ADC46C76}" destId="{5FF65929-EF30-4F48-B99B-D0478BDF979C}" srcOrd="1" destOrd="0" presId="urn:microsoft.com/office/officeart/2005/8/layout/hList7"/>
    <dgm:cxn modelId="{4D21504C-2D70-444C-BDFB-4A4D3B3E40EE}" type="presParOf" srcId="{5AA96770-8293-4B86-B5AE-D999ADC46C76}" destId="{C479020B-2837-4472-8BAA-B2E525FB7446}" srcOrd="2" destOrd="0" presId="urn:microsoft.com/office/officeart/2005/8/layout/hList7"/>
    <dgm:cxn modelId="{E12EDC47-D72B-4FFC-8936-75F6FCE220E5}" type="presParOf" srcId="{5AA96770-8293-4B86-B5AE-D999ADC46C76}" destId="{856BC29D-5A75-4B8A-B2F4-E0D14BFB1634}" srcOrd="3" destOrd="0" presId="urn:microsoft.com/office/officeart/2005/8/layout/hList7"/>
    <dgm:cxn modelId="{08FFBBA5-932D-49BC-83D9-8197B483D7A4}" type="presParOf" srcId="{BFF6D018-C800-4D31-927F-DF911FF9B53E}" destId="{7A57ED07-9742-4850-A58D-651FDDE2ECE0}" srcOrd="9" destOrd="0" presId="urn:microsoft.com/office/officeart/2005/8/layout/hList7"/>
    <dgm:cxn modelId="{72B8038C-C5CE-4DFF-8696-204724C7E3CC}" type="presParOf" srcId="{BFF6D018-C800-4D31-927F-DF911FF9B53E}" destId="{A318F881-D763-4F10-9419-53FE04289DF1}" srcOrd="10" destOrd="0" presId="urn:microsoft.com/office/officeart/2005/8/layout/hList7"/>
    <dgm:cxn modelId="{CCDE7444-51FE-4F2A-8993-722FD738E238}" type="presParOf" srcId="{A318F881-D763-4F10-9419-53FE04289DF1}" destId="{ED0EAC18-0086-42BF-8497-EC7BA1AA3071}" srcOrd="0" destOrd="0" presId="urn:microsoft.com/office/officeart/2005/8/layout/hList7"/>
    <dgm:cxn modelId="{B6AA56EC-9167-4F19-9C18-B2E56C2CCC81}" type="presParOf" srcId="{A318F881-D763-4F10-9419-53FE04289DF1}" destId="{E3FA2B6E-0B7F-4761-ADBF-21596BEF4C0B}" srcOrd="1" destOrd="0" presId="urn:microsoft.com/office/officeart/2005/8/layout/hList7"/>
    <dgm:cxn modelId="{CEDA8D10-ACAE-4508-9586-87ED2819EE14}" type="presParOf" srcId="{A318F881-D763-4F10-9419-53FE04289DF1}" destId="{2EF75CD2-7F71-4CFA-B7F3-99157E639F33}" srcOrd="2" destOrd="0" presId="urn:microsoft.com/office/officeart/2005/8/layout/hList7"/>
    <dgm:cxn modelId="{5D1D1A51-14CA-405E-A899-0183456990F0}" type="presParOf" srcId="{A318F881-D763-4F10-9419-53FE04289DF1}" destId="{B27891DC-BFA1-4E10-94BA-7E594CE775D3}" srcOrd="3" destOrd="0" presId="urn:microsoft.com/office/officeart/2005/8/layout/hList7"/>
    <dgm:cxn modelId="{7BBC3CC8-4411-4067-8B28-11EBA296B69E}" type="presParOf" srcId="{BFF6D018-C800-4D31-927F-DF911FF9B53E}" destId="{C468FFF4-1F1E-4288-B7D3-51EC5DD7FEA7}" srcOrd="11" destOrd="0" presId="urn:microsoft.com/office/officeart/2005/8/layout/hList7"/>
    <dgm:cxn modelId="{2EB92721-58C3-4DF2-A0A7-BE05F14DBE57}" type="presParOf" srcId="{BFF6D018-C800-4D31-927F-DF911FF9B53E}" destId="{B0C93E87-CA49-46C5-A323-ABBFD0B6F673}" srcOrd="12" destOrd="0" presId="urn:microsoft.com/office/officeart/2005/8/layout/hList7"/>
    <dgm:cxn modelId="{41647ACD-E99F-421E-AA21-6E15DD72BDC8}" type="presParOf" srcId="{B0C93E87-CA49-46C5-A323-ABBFD0B6F673}" destId="{5AEC8916-1DBB-43B9-9D57-C460698A15AD}" srcOrd="0" destOrd="0" presId="urn:microsoft.com/office/officeart/2005/8/layout/hList7"/>
    <dgm:cxn modelId="{6515806B-9C30-4AC5-A210-70FAFC50F19C}" type="presParOf" srcId="{B0C93E87-CA49-46C5-A323-ABBFD0B6F673}" destId="{4ADAAB3F-B054-48CF-AF96-D22D7771E2A5}" srcOrd="1" destOrd="0" presId="urn:microsoft.com/office/officeart/2005/8/layout/hList7"/>
    <dgm:cxn modelId="{6603F871-6959-4FB3-B0F5-AF2CD0BADBB5}" type="presParOf" srcId="{B0C93E87-CA49-46C5-A323-ABBFD0B6F673}" destId="{E7FCAC74-59CE-462B-B626-03B90FB17F10}" srcOrd="2" destOrd="0" presId="urn:microsoft.com/office/officeart/2005/8/layout/hList7"/>
    <dgm:cxn modelId="{16E83B69-27DA-4187-AEFF-71B91FEACFE4}" type="presParOf" srcId="{B0C93E87-CA49-46C5-A323-ABBFD0B6F673}" destId="{CB3EC846-F983-49C7-B309-C02EC73112F2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0290D2AD-7244-4219-91DA-FFE6FC7BBCE2}" type="doc">
      <dgm:prSet loTypeId="urn:microsoft.com/office/officeart/2005/8/layout/vList4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F6A0E466-BAA2-46A0-9E91-F9FF66BF8BB2}">
      <dgm:prSet phldrT="[Testo]"/>
      <dgm:spPr/>
      <dgm:t>
        <a:bodyPr/>
        <a:lstStyle/>
        <a:p>
          <a:r>
            <a:rPr lang="en-US" u="none" dirty="0" smtClean="0">
              <a:effectLst/>
              <a:latin typeface="+mn-lt"/>
              <a:ea typeface="+mn-ea"/>
              <a:cs typeface="+mn-cs"/>
            </a:rPr>
            <a:t>È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l’unica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componente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sotto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il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diretto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controllo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e la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responsabilità</a:t>
          </a:r>
          <a:r>
            <a:rPr lang="en-US" u="none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baseline="0" dirty="0" err="1" smtClean="0">
              <a:effectLst/>
              <a:latin typeface="+mn-lt"/>
              <a:ea typeface="+mn-ea"/>
              <a:cs typeface="+mn-cs"/>
            </a:rPr>
            <a:t>aziendali</a:t>
          </a:r>
          <a:r>
            <a:rPr lang="en-US" u="none" baseline="0" dirty="0" smtClean="0">
              <a:effectLst/>
              <a:latin typeface="+mn-lt"/>
              <a:ea typeface="+mn-ea"/>
              <a:cs typeface="+mn-cs"/>
            </a:rPr>
            <a:t> </a:t>
          </a:r>
          <a:endParaRPr lang="it-IT" b="1" dirty="0"/>
        </a:p>
      </dgm:t>
    </dgm:pt>
    <dgm:pt modelId="{D8A8EAD3-A7CA-418E-AA8A-E30010E249F7}" type="parTrans" cxnId="{8D6D60DF-5469-442D-903B-BAA6DD845244}">
      <dgm:prSet/>
      <dgm:spPr/>
      <dgm:t>
        <a:bodyPr/>
        <a:lstStyle/>
        <a:p>
          <a:endParaRPr lang="it-IT"/>
        </a:p>
      </dgm:t>
    </dgm:pt>
    <dgm:pt modelId="{160198AC-3C27-4635-9735-280B3C6A3268}" type="sibTrans" cxnId="{8D6D60DF-5469-442D-903B-BAA6DD845244}">
      <dgm:prSet/>
      <dgm:spPr/>
      <dgm:t>
        <a:bodyPr/>
        <a:lstStyle/>
        <a:p>
          <a:endParaRPr lang="it-IT"/>
        </a:p>
      </dgm:t>
    </dgm:pt>
    <dgm:pt modelId="{679E8453-8825-4816-ADE2-EA00E799BCE6}">
      <dgm:prSet phldrT="[Testo]"/>
      <dgm:spPr/>
      <dgm:t>
        <a:bodyPr/>
        <a:lstStyle/>
        <a:p>
          <a:r>
            <a:rPr lang="en-US" u="none" smtClean="0">
              <a:effectLst/>
              <a:latin typeface="+mn-lt"/>
              <a:ea typeface="+mn-ea"/>
              <a:cs typeface="+mn-cs"/>
            </a:rPr>
            <a:t>Collega fra loro i diversi dispositivi </a:t>
          </a:r>
          <a:endParaRPr lang="it-IT" b="1" dirty="0"/>
        </a:p>
      </dgm:t>
    </dgm:pt>
    <dgm:pt modelId="{8508C11A-AEA7-4C03-8BB2-BD1376ACD86B}" type="parTrans" cxnId="{3BEDAE41-F397-49D4-A411-3F8D68E7A90B}">
      <dgm:prSet/>
      <dgm:spPr/>
      <dgm:t>
        <a:bodyPr/>
        <a:lstStyle/>
        <a:p>
          <a:endParaRPr lang="it-IT"/>
        </a:p>
      </dgm:t>
    </dgm:pt>
    <dgm:pt modelId="{DDA6D17D-FE20-4A7A-88E8-DC01D23A259E}" type="sibTrans" cxnId="{3BEDAE41-F397-49D4-A411-3F8D68E7A90B}">
      <dgm:prSet/>
      <dgm:spPr/>
      <dgm:t>
        <a:bodyPr/>
        <a:lstStyle/>
        <a:p>
          <a:endParaRPr lang="it-IT"/>
        </a:p>
      </dgm:t>
    </dgm:pt>
    <dgm:pt modelId="{9DD09010-8BFD-4703-ADFC-E04336E00DA5}">
      <dgm:prSet phldrT="[Testo]"/>
      <dgm:spPr/>
      <dgm:t>
        <a:bodyPr/>
        <a:lstStyle/>
        <a:p>
          <a:r>
            <a:rPr lang="en-US" u="none" smtClean="0">
              <a:effectLst/>
              <a:latin typeface="+mn-lt"/>
              <a:ea typeface="+mn-ea"/>
              <a:cs typeface="+mn-cs"/>
            </a:rPr>
            <a:t>È il primo anello di collegamento a Internet</a:t>
          </a:r>
          <a:endParaRPr lang="it-IT" b="1" dirty="0"/>
        </a:p>
      </dgm:t>
    </dgm:pt>
    <dgm:pt modelId="{2816DEEE-5AF7-4F89-BDA8-58531D9FD1BF}" type="parTrans" cxnId="{877030D3-FAB1-4B62-A6D1-ACC1909ED53F}">
      <dgm:prSet/>
      <dgm:spPr/>
      <dgm:t>
        <a:bodyPr/>
        <a:lstStyle/>
        <a:p>
          <a:endParaRPr lang="it-IT"/>
        </a:p>
      </dgm:t>
    </dgm:pt>
    <dgm:pt modelId="{91A4DE66-973C-4449-8C67-BF2C38080C87}" type="sibTrans" cxnId="{877030D3-FAB1-4B62-A6D1-ACC1909ED53F}">
      <dgm:prSet/>
      <dgm:spPr/>
      <dgm:t>
        <a:bodyPr/>
        <a:lstStyle/>
        <a:p>
          <a:endParaRPr lang="it-IT"/>
        </a:p>
      </dgm:t>
    </dgm:pt>
    <dgm:pt modelId="{D2231EBE-45CB-4EF5-B7EF-D79143D1EC32}" type="pres">
      <dgm:prSet presAssocID="{0290D2AD-7244-4219-91DA-FFE6FC7BBCE2}" presName="linear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902AF2E9-5721-4F9D-82CF-28396A3D2798}" type="pres">
      <dgm:prSet presAssocID="{F6A0E466-BAA2-46A0-9E91-F9FF66BF8BB2}" presName="comp" presStyleCnt="0"/>
      <dgm:spPr/>
      <dgm:t>
        <a:bodyPr/>
        <a:lstStyle/>
        <a:p>
          <a:endParaRPr lang="it-IT"/>
        </a:p>
      </dgm:t>
    </dgm:pt>
    <dgm:pt modelId="{D0A86CE2-5A8D-481F-A9BE-7A8E541DBF61}" type="pres">
      <dgm:prSet presAssocID="{F6A0E466-BAA2-46A0-9E91-F9FF66BF8BB2}" presName="box" presStyleLbl="node1" presStyleIdx="0" presStyleCnt="3"/>
      <dgm:spPr/>
      <dgm:t>
        <a:bodyPr/>
        <a:lstStyle/>
        <a:p>
          <a:endParaRPr lang="it-IT"/>
        </a:p>
      </dgm:t>
    </dgm:pt>
    <dgm:pt modelId="{B187DDC2-8A93-4590-B8D6-A8C3B7934E4D}" type="pres">
      <dgm:prSet presAssocID="{F6A0E466-BAA2-46A0-9E91-F9FF66BF8BB2}" presName="img" presStyleLbl="fgImgPlace1" presStyleIdx="0" presStyleCnt="3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</dgm:spPr>
      <dgm:t>
        <a:bodyPr/>
        <a:lstStyle/>
        <a:p>
          <a:endParaRPr lang="it-IT"/>
        </a:p>
      </dgm:t>
    </dgm:pt>
    <dgm:pt modelId="{C39AAE73-7744-46A2-BE7D-D331E734E803}" type="pres">
      <dgm:prSet presAssocID="{F6A0E466-BAA2-46A0-9E91-F9FF66BF8BB2}" presName="text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4350097F-64A7-433F-AAE0-9C905EEE93BC}" type="pres">
      <dgm:prSet presAssocID="{160198AC-3C27-4635-9735-280B3C6A3268}" presName="spacer" presStyleCnt="0"/>
      <dgm:spPr/>
      <dgm:t>
        <a:bodyPr/>
        <a:lstStyle/>
        <a:p>
          <a:endParaRPr lang="it-IT"/>
        </a:p>
      </dgm:t>
    </dgm:pt>
    <dgm:pt modelId="{44C787E3-0784-4B13-897B-B2F0781DC0E1}" type="pres">
      <dgm:prSet presAssocID="{679E8453-8825-4816-ADE2-EA00E799BCE6}" presName="comp" presStyleCnt="0"/>
      <dgm:spPr/>
      <dgm:t>
        <a:bodyPr/>
        <a:lstStyle/>
        <a:p>
          <a:endParaRPr lang="it-IT"/>
        </a:p>
      </dgm:t>
    </dgm:pt>
    <dgm:pt modelId="{0255B819-82A3-40D2-9553-D34F106B3FFA}" type="pres">
      <dgm:prSet presAssocID="{679E8453-8825-4816-ADE2-EA00E799BCE6}" presName="box" presStyleLbl="node1" presStyleIdx="1" presStyleCnt="3"/>
      <dgm:spPr/>
      <dgm:t>
        <a:bodyPr/>
        <a:lstStyle/>
        <a:p>
          <a:endParaRPr lang="it-IT"/>
        </a:p>
      </dgm:t>
    </dgm:pt>
    <dgm:pt modelId="{15081A5A-0768-4D3E-9C15-F27B5F683591}" type="pres">
      <dgm:prSet presAssocID="{679E8453-8825-4816-ADE2-EA00E799BCE6}" presName="img" presStyleLbl="fgImgPlace1" presStyleIdx="1" presStyleCnt="3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</dgm:spPr>
      <dgm:t>
        <a:bodyPr/>
        <a:lstStyle/>
        <a:p>
          <a:endParaRPr lang="it-IT"/>
        </a:p>
      </dgm:t>
    </dgm:pt>
    <dgm:pt modelId="{EB5F017B-36E8-4927-B297-3CCD530D046A}" type="pres">
      <dgm:prSet presAssocID="{679E8453-8825-4816-ADE2-EA00E799BCE6}" presName="text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58F25795-63B8-4B43-8FF2-8D88D54079DA}" type="pres">
      <dgm:prSet presAssocID="{DDA6D17D-FE20-4A7A-88E8-DC01D23A259E}" presName="spacer" presStyleCnt="0"/>
      <dgm:spPr/>
      <dgm:t>
        <a:bodyPr/>
        <a:lstStyle/>
        <a:p>
          <a:endParaRPr lang="it-IT"/>
        </a:p>
      </dgm:t>
    </dgm:pt>
    <dgm:pt modelId="{5063CDC1-BBCC-4E5A-A70A-DFAE77F7A88B}" type="pres">
      <dgm:prSet presAssocID="{9DD09010-8BFD-4703-ADFC-E04336E00DA5}" presName="comp" presStyleCnt="0"/>
      <dgm:spPr/>
      <dgm:t>
        <a:bodyPr/>
        <a:lstStyle/>
        <a:p>
          <a:endParaRPr lang="it-IT"/>
        </a:p>
      </dgm:t>
    </dgm:pt>
    <dgm:pt modelId="{0517A3AC-FDA4-461F-9D80-CA1B3856F1A3}" type="pres">
      <dgm:prSet presAssocID="{9DD09010-8BFD-4703-ADFC-E04336E00DA5}" presName="box" presStyleLbl="node1" presStyleIdx="2" presStyleCnt="3"/>
      <dgm:spPr/>
      <dgm:t>
        <a:bodyPr/>
        <a:lstStyle/>
        <a:p>
          <a:endParaRPr lang="it-IT"/>
        </a:p>
      </dgm:t>
    </dgm:pt>
    <dgm:pt modelId="{C1114D49-F0A7-4021-93DB-06330D947CA2}" type="pres">
      <dgm:prSet presAssocID="{9DD09010-8BFD-4703-ADFC-E04336E00DA5}" presName="img" presStyleLbl="fgImgPlace1" presStyleIdx="2" presStyleCnt="3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7000" b="-27000"/>
          </a:stretch>
        </a:blipFill>
      </dgm:spPr>
      <dgm:t>
        <a:bodyPr/>
        <a:lstStyle/>
        <a:p>
          <a:endParaRPr lang="it-IT"/>
        </a:p>
      </dgm:t>
    </dgm:pt>
    <dgm:pt modelId="{82633003-E18E-44A3-AE4F-751973DC906A}" type="pres">
      <dgm:prSet presAssocID="{9DD09010-8BFD-4703-ADFC-E04336E00DA5}" presName="text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1F66CDD2-5593-4DBB-BC3C-133A623F4223}" type="presOf" srcId="{F6A0E466-BAA2-46A0-9E91-F9FF66BF8BB2}" destId="{C39AAE73-7744-46A2-BE7D-D331E734E803}" srcOrd="1" destOrd="0" presId="urn:microsoft.com/office/officeart/2005/8/layout/vList4"/>
    <dgm:cxn modelId="{2CC3E86E-76A6-4AF4-9541-CD0001AA574A}" type="presOf" srcId="{0290D2AD-7244-4219-91DA-FFE6FC7BBCE2}" destId="{D2231EBE-45CB-4EF5-B7EF-D79143D1EC32}" srcOrd="0" destOrd="0" presId="urn:microsoft.com/office/officeart/2005/8/layout/vList4"/>
    <dgm:cxn modelId="{3BEDAE41-F397-49D4-A411-3F8D68E7A90B}" srcId="{0290D2AD-7244-4219-91DA-FFE6FC7BBCE2}" destId="{679E8453-8825-4816-ADE2-EA00E799BCE6}" srcOrd="1" destOrd="0" parTransId="{8508C11A-AEA7-4C03-8BB2-BD1376ACD86B}" sibTransId="{DDA6D17D-FE20-4A7A-88E8-DC01D23A259E}"/>
    <dgm:cxn modelId="{8D6D60DF-5469-442D-903B-BAA6DD845244}" srcId="{0290D2AD-7244-4219-91DA-FFE6FC7BBCE2}" destId="{F6A0E466-BAA2-46A0-9E91-F9FF66BF8BB2}" srcOrd="0" destOrd="0" parTransId="{D8A8EAD3-A7CA-418E-AA8A-E30010E249F7}" sibTransId="{160198AC-3C27-4635-9735-280B3C6A3268}"/>
    <dgm:cxn modelId="{6BEC5705-E89B-4335-A97A-0B9E01A05075}" type="presOf" srcId="{679E8453-8825-4816-ADE2-EA00E799BCE6}" destId="{EB5F017B-36E8-4927-B297-3CCD530D046A}" srcOrd="1" destOrd="0" presId="urn:microsoft.com/office/officeart/2005/8/layout/vList4"/>
    <dgm:cxn modelId="{95795883-E04B-4890-A426-FB7D34006EBE}" type="presOf" srcId="{9DD09010-8BFD-4703-ADFC-E04336E00DA5}" destId="{0517A3AC-FDA4-461F-9D80-CA1B3856F1A3}" srcOrd="0" destOrd="0" presId="urn:microsoft.com/office/officeart/2005/8/layout/vList4"/>
    <dgm:cxn modelId="{BE1C72CB-8009-40E6-8466-F6F864945E7A}" type="presOf" srcId="{9DD09010-8BFD-4703-ADFC-E04336E00DA5}" destId="{82633003-E18E-44A3-AE4F-751973DC906A}" srcOrd="1" destOrd="0" presId="urn:microsoft.com/office/officeart/2005/8/layout/vList4"/>
    <dgm:cxn modelId="{890C9892-9824-4AEC-8EB4-65DB94329D8A}" type="presOf" srcId="{F6A0E466-BAA2-46A0-9E91-F9FF66BF8BB2}" destId="{D0A86CE2-5A8D-481F-A9BE-7A8E541DBF61}" srcOrd="0" destOrd="0" presId="urn:microsoft.com/office/officeart/2005/8/layout/vList4"/>
    <dgm:cxn modelId="{877030D3-FAB1-4B62-A6D1-ACC1909ED53F}" srcId="{0290D2AD-7244-4219-91DA-FFE6FC7BBCE2}" destId="{9DD09010-8BFD-4703-ADFC-E04336E00DA5}" srcOrd="2" destOrd="0" parTransId="{2816DEEE-5AF7-4F89-BDA8-58531D9FD1BF}" sibTransId="{91A4DE66-973C-4449-8C67-BF2C38080C87}"/>
    <dgm:cxn modelId="{5FF15A57-CC14-44EA-AF59-5797B0A5F96F}" type="presOf" srcId="{679E8453-8825-4816-ADE2-EA00E799BCE6}" destId="{0255B819-82A3-40D2-9553-D34F106B3FFA}" srcOrd="0" destOrd="0" presId="urn:microsoft.com/office/officeart/2005/8/layout/vList4"/>
    <dgm:cxn modelId="{23B22040-90F6-46A0-94BF-290325CBEF74}" type="presParOf" srcId="{D2231EBE-45CB-4EF5-B7EF-D79143D1EC32}" destId="{902AF2E9-5721-4F9D-82CF-28396A3D2798}" srcOrd="0" destOrd="0" presId="urn:microsoft.com/office/officeart/2005/8/layout/vList4"/>
    <dgm:cxn modelId="{F39A9903-4AAF-4B62-94D5-14779E212877}" type="presParOf" srcId="{902AF2E9-5721-4F9D-82CF-28396A3D2798}" destId="{D0A86CE2-5A8D-481F-A9BE-7A8E541DBF61}" srcOrd="0" destOrd="0" presId="urn:microsoft.com/office/officeart/2005/8/layout/vList4"/>
    <dgm:cxn modelId="{CFB7F3B5-8435-4486-8578-3120E1F13AE1}" type="presParOf" srcId="{902AF2E9-5721-4F9D-82CF-28396A3D2798}" destId="{B187DDC2-8A93-4590-B8D6-A8C3B7934E4D}" srcOrd="1" destOrd="0" presId="urn:microsoft.com/office/officeart/2005/8/layout/vList4"/>
    <dgm:cxn modelId="{961627C8-9A1B-4F07-B072-46B492670B7A}" type="presParOf" srcId="{902AF2E9-5721-4F9D-82CF-28396A3D2798}" destId="{C39AAE73-7744-46A2-BE7D-D331E734E803}" srcOrd="2" destOrd="0" presId="urn:microsoft.com/office/officeart/2005/8/layout/vList4"/>
    <dgm:cxn modelId="{9A8616A5-ECC6-4235-B964-D1893A6F127F}" type="presParOf" srcId="{D2231EBE-45CB-4EF5-B7EF-D79143D1EC32}" destId="{4350097F-64A7-433F-AAE0-9C905EEE93BC}" srcOrd="1" destOrd="0" presId="urn:microsoft.com/office/officeart/2005/8/layout/vList4"/>
    <dgm:cxn modelId="{E33623CC-7186-4E48-9432-9CEABC2FD9EC}" type="presParOf" srcId="{D2231EBE-45CB-4EF5-B7EF-D79143D1EC32}" destId="{44C787E3-0784-4B13-897B-B2F0781DC0E1}" srcOrd="2" destOrd="0" presId="urn:microsoft.com/office/officeart/2005/8/layout/vList4"/>
    <dgm:cxn modelId="{D1AA9BD4-EE36-4E17-86CC-10E89C06BFCD}" type="presParOf" srcId="{44C787E3-0784-4B13-897B-B2F0781DC0E1}" destId="{0255B819-82A3-40D2-9553-D34F106B3FFA}" srcOrd="0" destOrd="0" presId="urn:microsoft.com/office/officeart/2005/8/layout/vList4"/>
    <dgm:cxn modelId="{931381F1-446F-44D4-B432-88D2C6881A2C}" type="presParOf" srcId="{44C787E3-0784-4B13-897B-B2F0781DC0E1}" destId="{15081A5A-0768-4D3E-9C15-F27B5F683591}" srcOrd="1" destOrd="0" presId="urn:microsoft.com/office/officeart/2005/8/layout/vList4"/>
    <dgm:cxn modelId="{CDE2C450-42B8-4125-B2A7-F01F853B24FE}" type="presParOf" srcId="{44C787E3-0784-4B13-897B-B2F0781DC0E1}" destId="{EB5F017B-36E8-4927-B297-3CCD530D046A}" srcOrd="2" destOrd="0" presId="urn:microsoft.com/office/officeart/2005/8/layout/vList4"/>
    <dgm:cxn modelId="{0445C503-2281-4005-BBBF-D452E6E55D90}" type="presParOf" srcId="{D2231EBE-45CB-4EF5-B7EF-D79143D1EC32}" destId="{58F25795-63B8-4B43-8FF2-8D88D54079DA}" srcOrd="3" destOrd="0" presId="urn:microsoft.com/office/officeart/2005/8/layout/vList4"/>
    <dgm:cxn modelId="{645B3E8F-5C23-4D54-ACE4-25070156C994}" type="presParOf" srcId="{D2231EBE-45CB-4EF5-B7EF-D79143D1EC32}" destId="{5063CDC1-BBCC-4E5A-A70A-DFAE77F7A88B}" srcOrd="4" destOrd="0" presId="urn:microsoft.com/office/officeart/2005/8/layout/vList4"/>
    <dgm:cxn modelId="{FFB0F7B7-6AB7-4898-BA8F-938461F1B661}" type="presParOf" srcId="{5063CDC1-BBCC-4E5A-A70A-DFAE77F7A88B}" destId="{0517A3AC-FDA4-461F-9D80-CA1B3856F1A3}" srcOrd="0" destOrd="0" presId="urn:microsoft.com/office/officeart/2005/8/layout/vList4"/>
    <dgm:cxn modelId="{5122465E-3EC6-40D9-96E6-7D36D7FA7DF7}" type="presParOf" srcId="{5063CDC1-BBCC-4E5A-A70A-DFAE77F7A88B}" destId="{C1114D49-F0A7-4021-93DB-06330D947CA2}" srcOrd="1" destOrd="0" presId="urn:microsoft.com/office/officeart/2005/8/layout/vList4"/>
    <dgm:cxn modelId="{5E2C182F-4064-484F-A5DA-CDC02B2AC46D}" type="presParOf" srcId="{5063CDC1-BBCC-4E5A-A70A-DFAE77F7A88B}" destId="{82633003-E18E-44A3-AE4F-751973DC906A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3CA51AB-BDDA-4C53-8F32-B2FBE8DE029D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it-IT"/>
        </a:p>
      </dgm:t>
    </dgm:pt>
    <dgm:pt modelId="{61CF1B1D-D587-45FD-8A36-509E00E6A9AE}">
      <dgm:prSet phldrT="[Testo]"/>
      <dgm:spPr/>
      <dgm:t>
        <a:bodyPr/>
        <a:lstStyle/>
        <a:p>
          <a:r>
            <a:rPr lang="it-IT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amo gli unici responsabili</a:t>
          </a:r>
          <a:r>
            <a:rPr lang="it-IT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ella LAN</a:t>
          </a:r>
          <a:endParaRPr lang="it-IT" i="0" dirty="0"/>
        </a:p>
      </dgm:t>
    </dgm:pt>
    <dgm:pt modelId="{C7042F78-5777-45D9-8BC2-4D1DFCCE2674}" type="parTrans" cxnId="{089503B3-0CF2-46C3-86C2-F6FE91BD9D5D}">
      <dgm:prSet/>
      <dgm:spPr/>
      <dgm:t>
        <a:bodyPr/>
        <a:lstStyle/>
        <a:p>
          <a:endParaRPr lang="it-IT" i="0"/>
        </a:p>
      </dgm:t>
    </dgm:pt>
    <dgm:pt modelId="{196C0B2D-EBC9-4B2E-9BEE-AC26818ED973}" type="sibTrans" cxnId="{089503B3-0CF2-46C3-86C2-F6FE91BD9D5D}">
      <dgm:prSet/>
      <dgm:spPr/>
      <dgm:t>
        <a:bodyPr/>
        <a:lstStyle/>
        <a:p>
          <a:endParaRPr lang="it-IT" i="0"/>
        </a:p>
      </dgm:t>
    </dgm:pt>
    <dgm:pt modelId="{0CF704F3-0E04-40C0-9978-C8D679AD4EC9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eferibil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un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pproccio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imalista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337F5E5D-ABAE-43E8-A00D-36C5163C8AD4}" type="parTrans" cxnId="{AE76E5A0-EA48-4A14-8585-02CA399723FF}">
      <dgm:prSet/>
      <dgm:spPr/>
      <dgm:t>
        <a:bodyPr/>
        <a:lstStyle/>
        <a:p>
          <a:endParaRPr lang="it-IT" i="0"/>
        </a:p>
      </dgm:t>
    </dgm:pt>
    <dgm:pt modelId="{A08E3C43-5C6A-4882-8EB6-C34C42EB2826}" type="sibTrans" cxnId="{AE76E5A0-EA48-4A14-8585-02CA399723FF}">
      <dgm:prSet/>
      <dgm:spPr/>
      <dgm:t>
        <a:bodyPr/>
        <a:lstStyle/>
        <a:p>
          <a:endParaRPr lang="it-IT" i="0"/>
        </a:p>
      </dgm:t>
    </dgm:pt>
    <dgm:pt modelId="{6BD3D37D-4B8A-47F8-B045-76A6EE9AB953}">
      <dgm:prSet/>
      <dgm:spPr/>
      <dgm:t>
        <a:bodyPr/>
        <a:lstStyle/>
        <a:p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on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ono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fficienti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firewall </a:t>
          </a:r>
          <a:r>
            <a:rPr lang="it-IT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 proteggere la LAN, vanno riconfigurati e sono necessari minimo due di diversa tecnologia</a:t>
          </a:r>
        </a:p>
      </dgm:t>
    </dgm:pt>
    <dgm:pt modelId="{33437370-466B-4C9B-BF94-FFBC3B61D7A8}" type="parTrans" cxnId="{CB4CA4B5-B9EC-4D92-A175-F40A7290016C}">
      <dgm:prSet/>
      <dgm:spPr/>
      <dgm:t>
        <a:bodyPr/>
        <a:lstStyle/>
        <a:p>
          <a:endParaRPr lang="it-IT" i="0"/>
        </a:p>
      </dgm:t>
    </dgm:pt>
    <dgm:pt modelId="{A8B808C1-EB42-49CB-AA09-B15BFA2904FE}" type="sibTrans" cxnId="{CB4CA4B5-B9EC-4D92-A175-F40A7290016C}">
      <dgm:prSet/>
      <dgm:spPr/>
      <dgm:t>
        <a:bodyPr/>
        <a:lstStyle/>
        <a:p>
          <a:endParaRPr lang="it-IT" i="0"/>
        </a:p>
      </dgm:t>
    </dgm:pt>
    <dgm:pt modelId="{7BC0986A-FB1B-46D9-9299-7C6249E8A587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nal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radio</a:t>
          </a:r>
        </a:p>
      </dgm:t>
    </dgm:pt>
    <dgm:pt modelId="{FB82CF5D-AE3E-421B-BA59-84DEF544B582}" type="parTrans" cxnId="{13CADC5C-D138-4D8F-84AE-B01AA2D94DE7}">
      <dgm:prSet/>
      <dgm:spPr/>
      <dgm:t>
        <a:bodyPr/>
        <a:lstStyle/>
        <a:p>
          <a:endParaRPr lang="it-IT" i="0"/>
        </a:p>
      </dgm:t>
    </dgm:pt>
    <dgm:pt modelId="{E8651FAA-E053-4CC6-ABEA-61BD32B8E635}" type="sibTrans" cxnId="{13CADC5C-D138-4D8F-84AE-B01AA2D94DE7}">
      <dgm:prSet/>
      <dgm:spPr/>
      <dgm:t>
        <a:bodyPr/>
        <a:lstStyle/>
        <a:p>
          <a:endParaRPr lang="it-IT" i="0"/>
        </a:p>
      </dgm:t>
    </dgm:pt>
    <dgm:pt modelId="{DEFEC15D-3F72-4A02-A55B-434FCC9F3604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nession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(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. VPN),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l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s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iù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N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nterconnesse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624924FE-3603-4B82-ABB6-F5A49036557D}" type="parTrans" cxnId="{7035FE62-5B42-45C5-9151-2AD8A0169429}">
      <dgm:prSet/>
      <dgm:spPr/>
      <dgm:t>
        <a:bodyPr/>
        <a:lstStyle/>
        <a:p>
          <a:endParaRPr lang="it-IT" i="0"/>
        </a:p>
      </dgm:t>
    </dgm:pt>
    <dgm:pt modelId="{C387B5BA-8F25-4222-B9AD-EEBB178E5F0A}" type="sibTrans" cxnId="{7035FE62-5B42-45C5-9151-2AD8A0169429}">
      <dgm:prSet/>
      <dgm:spPr/>
      <dgm:t>
        <a:bodyPr/>
        <a:lstStyle/>
        <a:p>
          <a:endParaRPr lang="it-IT" i="0"/>
        </a:p>
      </dgm:t>
    </dgm:pt>
    <dgm:pt modelId="{082CE861-FAB6-4392-A899-615C26D7FEA5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isogna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mbi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egolarment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hiav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WiF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password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ss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firewall e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gl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ltr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ispositiv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ezza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EA186413-7D89-4172-9D36-9D404B386199}" type="parTrans" cxnId="{5ACFFC0B-3D3C-4CF1-8F5F-7607197BE510}">
      <dgm:prSet/>
      <dgm:spPr/>
      <dgm:t>
        <a:bodyPr/>
        <a:lstStyle/>
        <a:p>
          <a:endParaRPr lang="it-IT" i="0"/>
        </a:p>
      </dgm:t>
    </dgm:pt>
    <dgm:pt modelId="{DCEF335B-96F8-46BB-B10D-58D1F524D821}" type="sibTrans" cxnId="{5ACFFC0B-3D3C-4CF1-8F5F-7607197BE510}">
      <dgm:prSet/>
      <dgm:spPr/>
      <dgm:t>
        <a:bodyPr/>
        <a:lstStyle/>
        <a:p>
          <a:endParaRPr lang="it-IT" i="0"/>
        </a:p>
      </dgm:t>
    </dgm:pt>
    <dgm:pt modelId="{1C2ECE17-F89F-4E53-BD84-126E175606FF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tegge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 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a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acce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terne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interne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FCAB7440-969D-4FAA-9588-49759964371F}" type="parTrans" cxnId="{FB9A961B-251E-45A5-977F-75421EDE6E22}">
      <dgm:prSet/>
      <dgm:spPr/>
      <dgm:t>
        <a:bodyPr/>
        <a:lstStyle/>
        <a:p>
          <a:endParaRPr lang="it-IT" i="0"/>
        </a:p>
      </dgm:t>
    </dgm:pt>
    <dgm:pt modelId="{ACF1EDF2-F47B-49D4-9F4D-F0DF0027746F}" type="sibTrans" cxnId="{FB9A961B-251E-45A5-977F-75421EDE6E22}">
      <dgm:prSet/>
      <dgm:spPr/>
      <dgm:t>
        <a:bodyPr/>
        <a:lstStyle/>
        <a:p>
          <a:endParaRPr lang="it-IT" i="0"/>
        </a:p>
      </dgm:t>
    </dgm:pt>
    <dgm:pt modelId="{0C39C214-67C6-4AE5-AAAB-8A60411D70CD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onitor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stantement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7CEC9C45-E85C-47C8-8D0F-2EB4BF5A3875}" type="parTrans" cxnId="{88EF24C5-C4BF-45BF-BDC6-C2F481C41360}">
      <dgm:prSet/>
      <dgm:spPr/>
      <dgm:t>
        <a:bodyPr/>
        <a:lstStyle/>
        <a:p>
          <a:endParaRPr lang="it-IT" i="0"/>
        </a:p>
      </dgm:t>
    </dgm:pt>
    <dgm:pt modelId="{68C4448B-1F66-4169-99B1-F68DEFCCDB59}" type="sibTrans" cxnId="{88EF24C5-C4BF-45BF-BDC6-C2F481C41360}">
      <dgm:prSet/>
      <dgm:spPr/>
      <dgm:t>
        <a:bodyPr/>
        <a:lstStyle/>
        <a:p>
          <a:endParaRPr lang="it-IT" i="0"/>
        </a:p>
      </dgm:t>
    </dgm:pt>
    <dgm:pt modelId="{69B48013-D835-4425-BFD5-B5093C68CE49}" type="pres">
      <dgm:prSet presAssocID="{E3CA51AB-BDDA-4C53-8F32-B2FBE8DE029D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115DF9AE-40C5-4DF0-B561-1948140F2B5E}" type="pres">
      <dgm:prSet presAssocID="{61CF1B1D-D587-45FD-8A36-509E00E6A9AE}" presName="parentText" presStyleLbl="node1" presStyleIdx="0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72C35CC-D58F-4E1F-AAE8-357A37F6D116}" type="pres">
      <dgm:prSet presAssocID="{196C0B2D-EBC9-4B2E-9BEE-AC26818ED973}" presName="spacer" presStyleCnt="0"/>
      <dgm:spPr/>
    </dgm:pt>
    <dgm:pt modelId="{D62AC1BC-3656-45C4-BD18-19C6A099B87C}" type="pres">
      <dgm:prSet presAssocID="{0CF704F3-0E04-40C0-9978-C8D679AD4EC9}" presName="parentText" presStyleLbl="node1" presStyleIdx="1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752C74CA-DDF5-4962-876D-A72A84E46276}" type="pres">
      <dgm:prSet presAssocID="{A08E3C43-5C6A-4882-8EB6-C34C42EB2826}" presName="spacer" presStyleCnt="0"/>
      <dgm:spPr/>
    </dgm:pt>
    <dgm:pt modelId="{CE3C5980-C603-43B8-A0B2-504AD27E7D50}" type="pres">
      <dgm:prSet presAssocID="{1C2ECE17-F89F-4E53-BD84-126E175606FF}" presName="parentText" presStyleLbl="node1" presStyleIdx="2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5D322284-F1A0-4920-B6EC-A0DDBBD71212}" type="pres">
      <dgm:prSet presAssocID="{ACF1EDF2-F47B-49D4-9F4D-F0DF0027746F}" presName="spacer" presStyleCnt="0"/>
      <dgm:spPr/>
    </dgm:pt>
    <dgm:pt modelId="{BFD3BBAC-E46A-4BB5-AE23-C09C8A5F71E6}" type="pres">
      <dgm:prSet presAssocID="{6BD3D37D-4B8A-47F8-B045-76A6EE9AB953}" presName="parentText" presStyleLbl="node1" presStyleIdx="3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B130382F-681B-4CA1-95E4-70D6138FABBE}" type="pres">
      <dgm:prSet presAssocID="{A8B808C1-EB42-49CB-AA09-B15BFA2904FE}" presName="spacer" presStyleCnt="0"/>
      <dgm:spPr/>
    </dgm:pt>
    <dgm:pt modelId="{F20B8325-9578-4305-B466-FC50EA530319}" type="pres">
      <dgm:prSet presAssocID="{7BC0986A-FB1B-46D9-9299-7C6249E8A587}" presName="parentText" presStyleLbl="node1" presStyleIdx="4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2A09789-9B66-4ADC-A30A-DB63637C5E62}" type="pres">
      <dgm:prSet presAssocID="{E8651FAA-E053-4CC6-ABEA-61BD32B8E635}" presName="spacer" presStyleCnt="0"/>
      <dgm:spPr/>
    </dgm:pt>
    <dgm:pt modelId="{F2FA0AF0-269B-4A2A-A6BE-6165F573116B}" type="pres">
      <dgm:prSet presAssocID="{DEFEC15D-3F72-4A02-A55B-434FCC9F3604}" presName="parentText" presStyleLbl="node1" presStyleIdx="5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F0625D5-C285-44F1-A996-23E41D23B100}" type="pres">
      <dgm:prSet presAssocID="{C387B5BA-8F25-4222-B9AD-EEBB178E5F0A}" presName="spacer" presStyleCnt="0"/>
      <dgm:spPr/>
    </dgm:pt>
    <dgm:pt modelId="{A6BB53AC-56F0-4C80-A56B-7EEC9305FA58}" type="pres">
      <dgm:prSet presAssocID="{082CE861-FAB6-4392-A899-615C26D7FEA5}" presName="parentText" presStyleLbl="node1" presStyleIdx="6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3ED407B3-C373-4FA0-9732-773B1DB13E7D}" type="pres">
      <dgm:prSet presAssocID="{DCEF335B-96F8-46BB-B10D-58D1F524D821}" presName="spacer" presStyleCnt="0"/>
      <dgm:spPr/>
    </dgm:pt>
    <dgm:pt modelId="{016ADB1D-7CD7-47F5-85F0-01D2714F6BE3}" type="pres">
      <dgm:prSet presAssocID="{0C39C214-67C6-4AE5-AAAB-8A60411D70CD}" presName="parentText" presStyleLbl="node1" presStyleIdx="7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5ACFFC0B-3D3C-4CF1-8F5F-7607197BE510}" srcId="{E3CA51AB-BDDA-4C53-8F32-B2FBE8DE029D}" destId="{082CE861-FAB6-4392-A899-615C26D7FEA5}" srcOrd="6" destOrd="0" parTransId="{EA186413-7D89-4172-9D36-9D404B386199}" sibTransId="{DCEF335B-96F8-46BB-B10D-58D1F524D821}"/>
    <dgm:cxn modelId="{13CADC5C-D138-4D8F-84AE-B01AA2D94DE7}" srcId="{E3CA51AB-BDDA-4C53-8F32-B2FBE8DE029D}" destId="{7BC0986A-FB1B-46D9-9299-7C6249E8A587}" srcOrd="4" destOrd="0" parTransId="{FB82CF5D-AE3E-421B-BA59-84DEF544B582}" sibTransId="{E8651FAA-E053-4CC6-ABEA-61BD32B8E635}"/>
    <dgm:cxn modelId="{2F892EBE-B913-4572-A638-25935EAFC565}" type="presOf" srcId="{0CF704F3-0E04-40C0-9978-C8D679AD4EC9}" destId="{D62AC1BC-3656-45C4-BD18-19C6A099B87C}" srcOrd="0" destOrd="0" presId="urn:microsoft.com/office/officeart/2005/8/layout/vList2"/>
    <dgm:cxn modelId="{FB9A961B-251E-45A5-977F-75421EDE6E22}" srcId="{E3CA51AB-BDDA-4C53-8F32-B2FBE8DE029D}" destId="{1C2ECE17-F89F-4E53-BD84-126E175606FF}" srcOrd="2" destOrd="0" parTransId="{FCAB7440-969D-4FAA-9588-49759964371F}" sibTransId="{ACF1EDF2-F47B-49D4-9F4D-F0DF0027746F}"/>
    <dgm:cxn modelId="{695DA4D0-DD7A-4EBA-94BE-01FEA82761D9}" type="presOf" srcId="{1C2ECE17-F89F-4E53-BD84-126E175606FF}" destId="{CE3C5980-C603-43B8-A0B2-504AD27E7D50}" srcOrd="0" destOrd="0" presId="urn:microsoft.com/office/officeart/2005/8/layout/vList2"/>
    <dgm:cxn modelId="{767102D3-B051-494E-A1F9-0EF7F3EFA23D}" type="presOf" srcId="{0C39C214-67C6-4AE5-AAAB-8A60411D70CD}" destId="{016ADB1D-7CD7-47F5-85F0-01D2714F6BE3}" srcOrd="0" destOrd="0" presId="urn:microsoft.com/office/officeart/2005/8/layout/vList2"/>
    <dgm:cxn modelId="{089503B3-0CF2-46C3-86C2-F6FE91BD9D5D}" srcId="{E3CA51AB-BDDA-4C53-8F32-B2FBE8DE029D}" destId="{61CF1B1D-D587-45FD-8A36-509E00E6A9AE}" srcOrd="0" destOrd="0" parTransId="{C7042F78-5777-45D9-8BC2-4D1DFCCE2674}" sibTransId="{196C0B2D-EBC9-4B2E-9BEE-AC26818ED973}"/>
    <dgm:cxn modelId="{EAAE404B-899B-4536-BA8C-3967A7602765}" type="presOf" srcId="{DEFEC15D-3F72-4A02-A55B-434FCC9F3604}" destId="{F2FA0AF0-269B-4A2A-A6BE-6165F573116B}" srcOrd="0" destOrd="0" presId="urn:microsoft.com/office/officeart/2005/8/layout/vList2"/>
    <dgm:cxn modelId="{7035FE62-5B42-45C5-9151-2AD8A0169429}" srcId="{E3CA51AB-BDDA-4C53-8F32-B2FBE8DE029D}" destId="{DEFEC15D-3F72-4A02-A55B-434FCC9F3604}" srcOrd="5" destOrd="0" parTransId="{624924FE-3603-4B82-ABB6-F5A49036557D}" sibTransId="{C387B5BA-8F25-4222-B9AD-EEBB178E5F0A}"/>
    <dgm:cxn modelId="{9DE79C6F-6A52-4030-A775-5F12E35F00D0}" type="presOf" srcId="{082CE861-FAB6-4392-A899-615C26D7FEA5}" destId="{A6BB53AC-56F0-4C80-A56B-7EEC9305FA58}" srcOrd="0" destOrd="0" presId="urn:microsoft.com/office/officeart/2005/8/layout/vList2"/>
    <dgm:cxn modelId="{9AEB5817-E160-45EB-8D0E-C009F20EFCCF}" type="presOf" srcId="{E3CA51AB-BDDA-4C53-8F32-B2FBE8DE029D}" destId="{69B48013-D835-4425-BFD5-B5093C68CE49}" srcOrd="0" destOrd="0" presId="urn:microsoft.com/office/officeart/2005/8/layout/vList2"/>
    <dgm:cxn modelId="{F44CB1E1-2AE4-4091-AF76-488410E6BEAE}" type="presOf" srcId="{61CF1B1D-D587-45FD-8A36-509E00E6A9AE}" destId="{115DF9AE-40C5-4DF0-B561-1948140F2B5E}" srcOrd="0" destOrd="0" presId="urn:microsoft.com/office/officeart/2005/8/layout/vList2"/>
    <dgm:cxn modelId="{AE76E5A0-EA48-4A14-8585-02CA399723FF}" srcId="{E3CA51AB-BDDA-4C53-8F32-B2FBE8DE029D}" destId="{0CF704F3-0E04-40C0-9978-C8D679AD4EC9}" srcOrd="1" destOrd="0" parTransId="{337F5E5D-ABAE-43E8-A00D-36C5163C8AD4}" sibTransId="{A08E3C43-5C6A-4882-8EB6-C34C42EB2826}"/>
    <dgm:cxn modelId="{B05EEA43-31F6-42BF-B8C0-B1E8B55AB662}" type="presOf" srcId="{7BC0986A-FB1B-46D9-9299-7C6249E8A587}" destId="{F20B8325-9578-4305-B466-FC50EA530319}" srcOrd="0" destOrd="0" presId="urn:microsoft.com/office/officeart/2005/8/layout/vList2"/>
    <dgm:cxn modelId="{088F09BD-C3BB-4410-8C94-53A03249E900}" type="presOf" srcId="{6BD3D37D-4B8A-47F8-B045-76A6EE9AB953}" destId="{BFD3BBAC-E46A-4BB5-AE23-C09C8A5F71E6}" srcOrd="0" destOrd="0" presId="urn:microsoft.com/office/officeart/2005/8/layout/vList2"/>
    <dgm:cxn modelId="{88EF24C5-C4BF-45BF-BDC6-C2F481C41360}" srcId="{E3CA51AB-BDDA-4C53-8F32-B2FBE8DE029D}" destId="{0C39C214-67C6-4AE5-AAAB-8A60411D70CD}" srcOrd="7" destOrd="0" parTransId="{7CEC9C45-E85C-47C8-8D0F-2EB4BF5A3875}" sibTransId="{68C4448B-1F66-4169-99B1-F68DEFCCDB59}"/>
    <dgm:cxn modelId="{CB4CA4B5-B9EC-4D92-A175-F40A7290016C}" srcId="{E3CA51AB-BDDA-4C53-8F32-B2FBE8DE029D}" destId="{6BD3D37D-4B8A-47F8-B045-76A6EE9AB953}" srcOrd="3" destOrd="0" parTransId="{33437370-466B-4C9B-BF94-FFBC3B61D7A8}" sibTransId="{A8B808C1-EB42-49CB-AA09-B15BFA2904FE}"/>
    <dgm:cxn modelId="{25643146-5FB3-451E-A0BD-B4F3644D9BE4}" type="presParOf" srcId="{69B48013-D835-4425-BFD5-B5093C68CE49}" destId="{115DF9AE-40C5-4DF0-B561-1948140F2B5E}" srcOrd="0" destOrd="0" presId="urn:microsoft.com/office/officeart/2005/8/layout/vList2"/>
    <dgm:cxn modelId="{29C39ACA-FF1F-4491-8F19-BA52613D8B49}" type="presParOf" srcId="{69B48013-D835-4425-BFD5-B5093C68CE49}" destId="{672C35CC-D58F-4E1F-AAE8-357A37F6D116}" srcOrd="1" destOrd="0" presId="urn:microsoft.com/office/officeart/2005/8/layout/vList2"/>
    <dgm:cxn modelId="{7DC05EF3-4CC9-4AB8-80F9-9173FA24C461}" type="presParOf" srcId="{69B48013-D835-4425-BFD5-B5093C68CE49}" destId="{D62AC1BC-3656-45C4-BD18-19C6A099B87C}" srcOrd="2" destOrd="0" presId="urn:microsoft.com/office/officeart/2005/8/layout/vList2"/>
    <dgm:cxn modelId="{05C5D7B1-09E2-4E6F-852A-17B4AB13CBBF}" type="presParOf" srcId="{69B48013-D835-4425-BFD5-B5093C68CE49}" destId="{752C74CA-DDF5-4962-876D-A72A84E46276}" srcOrd="3" destOrd="0" presId="urn:microsoft.com/office/officeart/2005/8/layout/vList2"/>
    <dgm:cxn modelId="{76FBF4AE-3BAB-4BC1-B2AD-A428BBFEB798}" type="presParOf" srcId="{69B48013-D835-4425-BFD5-B5093C68CE49}" destId="{CE3C5980-C603-43B8-A0B2-504AD27E7D50}" srcOrd="4" destOrd="0" presId="urn:microsoft.com/office/officeart/2005/8/layout/vList2"/>
    <dgm:cxn modelId="{1AC4EFF0-5E07-4B7A-9350-7684C5DCC503}" type="presParOf" srcId="{69B48013-D835-4425-BFD5-B5093C68CE49}" destId="{5D322284-F1A0-4920-B6EC-A0DDBBD71212}" srcOrd="5" destOrd="0" presId="urn:microsoft.com/office/officeart/2005/8/layout/vList2"/>
    <dgm:cxn modelId="{531AB71E-5F33-4658-8A19-7B784A7BC63E}" type="presParOf" srcId="{69B48013-D835-4425-BFD5-B5093C68CE49}" destId="{BFD3BBAC-E46A-4BB5-AE23-C09C8A5F71E6}" srcOrd="6" destOrd="0" presId="urn:microsoft.com/office/officeart/2005/8/layout/vList2"/>
    <dgm:cxn modelId="{9F7BDE3B-7E69-476F-8A8A-35BE05DC8677}" type="presParOf" srcId="{69B48013-D835-4425-BFD5-B5093C68CE49}" destId="{B130382F-681B-4CA1-95E4-70D6138FABBE}" srcOrd="7" destOrd="0" presId="urn:microsoft.com/office/officeart/2005/8/layout/vList2"/>
    <dgm:cxn modelId="{09E9670F-E3D9-4332-BD03-E49443525266}" type="presParOf" srcId="{69B48013-D835-4425-BFD5-B5093C68CE49}" destId="{F20B8325-9578-4305-B466-FC50EA530319}" srcOrd="8" destOrd="0" presId="urn:microsoft.com/office/officeart/2005/8/layout/vList2"/>
    <dgm:cxn modelId="{65EFFCE4-D0DD-49F6-9B0B-7A80EA4883F1}" type="presParOf" srcId="{69B48013-D835-4425-BFD5-B5093C68CE49}" destId="{62A09789-9B66-4ADC-A30A-DB63637C5E62}" srcOrd="9" destOrd="0" presId="urn:microsoft.com/office/officeart/2005/8/layout/vList2"/>
    <dgm:cxn modelId="{63424A68-0F3B-47BB-9B7E-3C8A74B5781D}" type="presParOf" srcId="{69B48013-D835-4425-BFD5-B5093C68CE49}" destId="{F2FA0AF0-269B-4A2A-A6BE-6165F573116B}" srcOrd="10" destOrd="0" presId="urn:microsoft.com/office/officeart/2005/8/layout/vList2"/>
    <dgm:cxn modelId="{7710D654-7F26-4021-AFD3-E5C846CAF31C}" type="presParOf" srcId="{69B48013-D835-4425-BFD5-B5093C68CE49}" destId="{2F0625D5-C285-44F1-A996-23E41D23B100}" srcOrd="11" destOrd="0" presId="urn:microsoft.com/office/officeart/2005/8/layout/vList2"/>
    <dgm:cxn modelId="{F653D0B4-DFDA-4054-99EE-9DCD7FA198DC}" type="presParOf" srcId="{69B48013-D835-4425-BFD5-B5093C68CE49}" destId="{A6BB53AC-56F0-4C80-A56B-7EEC9305FA58}" srcOrd="12" destOrd="0" presId="urn:microsoft.com/office/officeart/2005/8/layout/vList2"/>
    <dgm:cxn modelId="{FE31E21B-CBEB-4685-B883-769E33269133}" type="presParOf" srcId="{69B48013-D835-4425-BFD5-B5093C68CE49}" destId="{3ED407B3-C373-4FA0-9732-773B1DB13E7D}" srcOrd="13" destOrd="0" presId="urn:microsoft.com/office/officeart/2005/8/layout/vList2"/>
    <dgm:cxn modelId="{7C895574-1711-4196-A67F-F468409606B0}" type="presParOf" srcId="{69B48013-D835-4425-BFD5-B5093C68CE49}" destId="{016ADB1D-7CD7-47F5-85F0-01D2714F6BE3}" srcOrd="1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84B9C24C-1F41-467C-8384-59249B9FC668}" type="doc">
      <dgm:prSet loTypeId="urn:microsoft.com/office/officeart/2005/8/layout/vList5" loCatId="list" qsTypeId="urn:microsoft.com/office/officeart/2005/8/quickstyle/simple2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0EB02CD2-A1A0-43C5-A999-0DD748BB47FB}">
      <dgm:prSet phldrT="[Testo]" custT="1"/>
      <dgm:spPr/>
      <dgm:t>
        <a:bodyPr/>
        <a:lstStyle/>
        <a:p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Disco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rigid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intern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 o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estern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 (hard disk)</a:t>
          </a:r>
          <a:endParaRPr lang="it-IT" sz="1600" b="1" i="0" dirty="0"/>
        </a:p>
      </dgm:t>
    </dgm:pt>
    <dgm:pt modelId="{6E6FD775-9271-4FA9-A90A-692249EB7D1A}" type="parTrans" cxnId="{737DB765-7EFE-405E-870A-57AF3A70562C}">
      <dgm:prSet/>
      <dgm:spPr/>
      <dgm:t>
        <a:bodyPr/>
        <a:lstStyle/>
        <a:p>
          <a:endParaRPr lang="it-IT"/>
        </a:p>
      </dgm:t>
    </dgm:pt>
    <dgm:pt modelId="{90188655-A30D-4376-A7FA-159074155414}" type="sibTrans" cxnId="{737DB765-7EFE-405E-870A-57AF3A70562C}">
      <dgm:prSet/>
      <dgm:spPr/>
      <dgm:t>
        <a:bodyPr/>
        <a:lstStyle/>
        <a:p>
          <a:endParaRPr lang="it-IT"/>
        </a:p>
      </dgm:t>
    </dgm:pt>
    <dgm:pt modelId="{0B3FF43F-1DB5-4419-9E5C-B60ED1F90C75}">
      <dgm:prSet phldrT="[Testo]" custT="1"/>
      <dgm:spPr/>
      <dgm:t>
        <a:bodyPr/>
        <a:lstStyle/>
        <a:p>
          <a:r>
            <a:rPr lang="en-US" sz="1600" b="1" i="0" smtClean="0">
              <a:effectLst/>
              <a:latin typeface="+mn-lt"/>
              <a:ea typeface="+mn-ea"/>
              <a:cs typeface="+mn-cs"/>
            </a:rPr>
            <a:t>Chiavetta USB (pen drive)</a:t>
          </a:r>
          <a:endParaRPr lang="it-IT" sz="1600" b="1" i="0" dirty="0">
            <a:effectLst/>
            <a:latin typeface="+mn-lt"/>
            <a:ea typeface="+mn-ea"/>
            <a:cs typeface="+mn-cs"/>
          </a:endParaRPr>
        </a:p>
      </dgm:t>
    </dgm:pt>
    <dgm:pt modelId="{F333F8DB-E184-47CF-8240-5B7BA1CEE535}" type="parTrans" cxnId="{7826652C-FB3F-4184-BE73-71CCE8D51874}">
      <dgm:prSet/>
      <dgm:spPr/>
      <dgm:t>
        <a:bodyPr/>
        <a:lstStyle/>
        <a:p>
          <a:endParaRPr lang="it-IT"/>
        </a:p>
      </dgm:t>
    </dgm:pt>
    <dgm:pt modelId="{C8D7D0BB-8E86-45DC-AEB6-65416A8584C5}" type="sibTrans" cxnId="{7826652C-FB3F-4184-BE73-71CCE8D51874}">
      <dgm:prSet/>
      <dgm:spPr/>
      <dgm:t>
        <a:bodyPr/>
        <a:lstStyle/>
        <a:p>
          <a:endParaRPr lang="it-IT"/>
        </a:p>
      </dgm:t>
    </dgm:pt>
    <dgm:pt modelId="{BDB0DB45-639E-4427-A984-4318F91D2D18}">
      <dgm:prSet phldrT="[Testo]" custT="1"/>
      <dgm:spPr/>
      <dgm:t>
        <a:bodyPr/>
        <a:lstStyle/>
        <a:p>
          <a:r>
            <a:rPr lang="en-US" sz="1600" b="1" i="0" smtClean="0">
              <a:effectLst/>
              <a:latin typeface="+mn-lt"/>
              <a:ea typeface="+mn-ea"/>
              <a:cs typeface="+mn-cs"/>
            </a:rPr>
            <a:t>Schedina (memory card)</a:t>
          </a:r>
          <a:endParaRPr lang="it-IT" sz="1600" b="1" i="0" dirty="0">
            <a:effectLst/>
            <a:latin typeface="+mn-lt"/>
            <a:ea typeface="+mn-ea"/>
            <a:cs typeface="+mn-cs"/>
          </a:endParaRPr>
        </a:p>
      </dgm:t>
    </dgm:pt>
    <dgm:pt modelId="{27D4299D-E314-46F9-A409-68DF8A458C90}" type="parTrans" cxnId="{2FAB1286-3C1F-440E-AF99-009AB6D9850D}">
      <dgm:prSet/>
      <dgm:spPr/>
      <dgm:t>
        <a:bodyPr/>
        <a:lstStyle/>
        <a:p>
          <a:endParaRPr lang="it-IT"/>
        </a:p>
      </dgm:t>
    </dgm:pt>
    <dgm:pt modelId="{BB8A9B4C-CC35-4C66-96DB-DFB349FE0284}" type="sibTrans" cxnId="{2FAB1286-3C1F-440E-AF99-009AB6D9850D}">
      <dgm:prSet/>
      <dgm:spPr/>
      <dgm:t>
        <a:bodyPr/>
        <a:lstStyle/>
        <a:p>
          <a:endParaRPr lang="it-IT"/>
        </a:p>
      </dgm:t>
    </dgm:pt>
    <dgm:pt modelId="{90C477E0-2F5C-43B4-8558-3CFD10C682B9}">
      <dgm:prSet custT="1"/>
      <dgm:spPr/>
      <dgm:t>
        <a:bodyPr/>
        <a:lstStyle/>
        <a:p>
          <a:r>
            <a:rPr lang="it-IT" sz="1600" b="1" i="0" dirty="0" smtClean="0">
              <a:effectLst/>
              <a:latin typeface="+mn-lt"/>
              <a:ea typeface="+mn-ea"/>
              <a:cs typeface="+mn-cs"/>
            </a:rPr>
            <a:t>NAS</a:t>
          </a:r>
        </a:p>
      </dgm:t>
    </dgm:pt>
    <dgm:pt modelId="{E941425D-5EBC-4D21-A48D-3E79B2DDEA3E}" type="parTrans" cxnId="{E37EB348-8622-4FFC-A4AA-2372E4458CBF}">
      <dgm:prSet/>
      <dgm:spPr/>
      <dgm:t>
        <a:bodyPr/>
        <a:lstStyle/>
        <a:p>
          <a:endParaRPr lang="it-IT"/>
        </a:p>
      </dgm:t>
    </dgm:pt>
    <dgm:pt modelId="{44415F6D-F77B-42AA-8910-FB248FFED902}" type="sibTrans" cxnId="{E37EB348-8622-4FFC-A4AA-2372E4458CBF}">
      <dgm:prSet/>
      <dgm:spPr/>
      <dgm:t>
        <a:bodyPr/>
        <a:lstStyle/>
        <a:p>
          <a:endParaRPr lang="it-IT"/>
        </a:p>
      </dgm:t>
    </dgm:pt>
    <dgm:pt modelId="{99B1280F-8DDE-4358-9435-027EFFCCEB1F}" type="pres">
      <dgm:prSet presAssocID="{84B9C24C-1F41-467C-8384-59249B9FC668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1101979A-8273-4C71-A457-B82D1A615E2A}" type="pres">
      <dgm:prSet presAssocID="{0EB02CD2-A1A0-43C5-A999-0DD748BB47FB}" presName="linNode" presStyleCnt="0"/>
      <dgm:spPr/>
      <dgm:t>
        <a:bodyPr/>
        <a:lstStyle/>
        <a:p>
          <a:endParaRPr lang="it-IT"/>
        </a:p>
      </dgm:t>
    </dgm:pt>
    <dgm:pt modelId="{FD387DA6-DAB2-4B55-9B80-57C0CE2B8DCA}" type="pres">
      <dgm:prSet presAssocID="{0EB02CD2-A1A0-43C5-A999-0DD748BB47FB}" presName="parentText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4ABFF166-4FEF-4529-9F41-C9678E7962FF}" type="pres">
      <dgm:prSet presAssocID="{90188655-A30D-4376-A7FA-159074155414}" presName="sp" presStyleCnt="0"/>
      <dgm:spPr/>
      <dgm:t>
        <a:bodyPr/>
        <a:lstStyle/>
        <a:p>
          <a:endParaRPr lang="it-IT"/>
        </a:p>
      </dgm:t>
    </dgm:pt>
    <dgm:pt modelId="{39455E2F-E59E-4A58-89BE-FCE11A6F8567}" type="pres">
      <dgm:prSet presAssocID="{0B3FF43F-1DB5-4419-9E5C-B60ED1F90C75}" presName="linNode" presStyleCnt="0"/>
      <dgm:spPr/>
      <dgm:t>
        <a:bodyPr/>
        <a:lstStyle/>
        <a:p>
          <a:endParaRPr lang="it-IT"/>
        </a:p>
      </dgm:t>
    </dgm:pt>
    <dgm:pt modelId="{DE49EEC7-F283-45C0-98C9-593D668AD2AD}" type="pres">
      <dgm:prSet presAssocID="{0B3FF43F-1DB5-4419-9E5C-B60ED1F90C75}" presName="parentText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DA0FD92F-46C6-4F60-A7F9-09372E80FC13}" type="pres">
      <dgm:prSet presAssocID="{C8D7D0BB-8E86-45DC-AEB6-65416A8584C5}" presName="sp" presStyleCnt="0"/>
      <dgm:spPr/>
      <dgm:t>
        <a:bodyPr/>
        <a:lstStyle/>
        <a:p>
          <a:endParaRPr lang="it-IT"/>
        </a:p>
      </dgm:t>
    </dgm:pt>
    <dgm:pt modelId="{5420E513-D456-4C4A-8A47-A7C27152A363}" type="pres">
      <dgm:prSet presAssocID="{BDB0DB45-639E-4427-A984-4318F91D2D18}" presName="linNode" presStyleCnt="0"/>
      <dgm:spPr/>
      <dgm:t>
        <a:bodyPr/>
        <a:lstStyle/>
        <a:p>
          <a:endParaRPr lang="it-IT"/>
        </a:p>
      </dgm:t>
    </dgm:pt>
    <dgm:pt modelId="{D37548AF-D97F-4A00-88B8-42E7B5319383}" type="pres">
      <dgm:prSet presAssocID="{BDB0DB45-639E-4427-A984-4318F91D2D18}" presName="parentText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DCD08EE1-83DE-4DA1-BA2E-1641A6189296}" type="pres">
      <dgm:prSet presAssocID="{BB8A9B4C-CC35-4C66-96DB-DFB349FE0284}" presName="sp" presStyleCnt="0"/>
      <dgm:spPr/>
      <dgm:t>
        <a:bodyPr/>
        <a:lstStyle/>
        <a:p>
          <a:endParaRPr lang="it-IT"/>
        </a:p>
      </dgm:t>
    </dgm:pt>
    <dgm:pt modelId="{49AF1A2C-7683-4305-85D1-176A5F6E5E9B}" type="pres">
      <dgm:prSet presAssocID="{90C477E0-2F5C-43B4-8558-3CFD10C682B9}" presName="linNode" presStyleCnt="0"/>
      <dgm:spPr/>
      <dgm:t>
        <a:bodyPr/>
        <a:lstStyle/>
        <a:p>
          <a:endParaRPr lang="it-IT"/>
        </a:p>
      </dgm:t>
    </dgm:pt>
    <dgm:pt modelId="{0C8209D7-866A-4A3D-A625-7BC27EB93193}" type="pres">
      <dgm:prSet presAssocID="{90C477E0-2F5C-43B4-8558-3CFD10C682B9}" presName="parentText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737DB765-7EFE-405E-870A-57AF3A70562C}" srcId="{84B9C24C-1F41-467C-8384-59249B9FC668}" destId="{0EB02CD2-A1A0-43C5-A999-0DD748BB47FB}" srcOrd="0" destOrd="0" parTransId="{6E6FD775-9271-4FA9-A90A-692249EB7D1A}" sibTransId="{90188655-A30D-4376-A7FA-159074155414}"/>
    <dgm:cxn modelId="{5B9165C2-6C0F-411C-8390-264DFEA82BD3}" type="presOf" srcId="{0EB02CD2-A1A0-43C5-A999-0DD748BB47FB}" destId="{FD387DA6-DAB2-4B55-9B80-57C0CE2B8DCA}" srcOrd="0" destOrd="0" presId="urn:microsoft.com/office/officeart/2005/8/layout/vList5"/>
    <dgm:cxn modelId="{2FAB1286-3C1F-440E-AF99-009AB6D9850D}" srcId="{84B9C24C-1F41-467C-8384-59249B9FC668}" destId="{BDB0DB45-639E-4427-A984-4318F91D2D18}" srcOrd="2" destOrd="0" parTransId="{27D4299D-E314-46F9-A409-68DF8A458C90}" sibTransId="{BB8A9B4C-CC35-4C66-96DB-DFB349FE0284}"/>
    <dgm:cxn modelId="{B38FBD8F-9899-467D-862C-A2A873211ABC}" type="presOf" srcId="{0B3FF43F-1DB5-4419-9E5C-B60ED1F90C75}" destId="{DE49EEC7-F283-45C0-98C9-593D668AD2AD}" srcOrd="0" destOrd="0" presId="urn:microsoft.com/office/officeart/2005/8/layout/vList5"/>
    <dgm:cxn modelId="{7826652C-FB3F-4184-BE73-71CCE8D51874}" srcId="{84B9C24C-1F41-467C-8384-59249B9FC668}" destId="{0B3FF43F-1DB5-4419-9E5C-B60ED1F90C75}" srcOrd="1" destOrd="0" parTransId="{F333F8DB-E184-47CF-8240-5B7BA1CEE535}" sibTransId="{C8D7D0BB-8E86-45DC-AEB6-65416A8584C5}"/>
    <dgm:cxn modelId="{07D4935D-9DD9-48C7-88AD-1F38DD4BC4CC}" type="presOf" srcId="{90C477E0-2F5C-43B4-8558-3CFD10C682B9}" destId="{0C8209D7-866A-4A3D-A625-7BC27EB93193}" srcOrd="0" destOrd="0" presId="urn:microsoft.com/office/officeart/2005/8/layout/vList5"/>
    <dgm:cxn modelId="{6D6F1C57-4C91-4204-8077-A9B2E7F50E84}" type="presOf" srcId="{84B9C24C-1F41-467C-8384-59249B9FC668}" destId="{99B1280F-8DDE-4358-9435-027EFFCCEB1F}" srcOrd="0" destOrd="0" presId="urn:microsoft.com/office/officeart/2005/8/layout/vList5"/>
    <dgm:cxn modelId="{A20C3B6D-6FE0-42F6-BCEF-818E91FBBCB2}" type="presOf" srcId="{BDB0DB45-639E-4427-A984-4318F91D2D18}" destId="{D37548AF-D97F-4A00-88B8-42E7B5319383}" srcOrd="0" destOrd="0" presId="urn:microsoft.com/office/officeart/2005/8/layout/vList5"/>
    <dgm:cxn modelId="{E37EB348-8622-4FFC-A4AA-2372E4458CBF}" srcId="{84B9C24C-1F41-467C-8384-59249B9FC668}" destId="{90C477E0-2F5C-43B4-8558-3CFD10C682B9}" srcOrd="3" destOrd="0" parTransId="{E941425D-5EBC-4D21-A48D-3E79B2DDEA3E}" sibTransId="{44415F6D-F77B-42AA-8910-FB248FFED902}"/>
    <dgm:cxn modelId="{C4F13233-38BA-485D-9226-261BF3B4758C}" type="presParOf" srcId="{99B1280F-8DDE-4358-9435-027EFFCCEB1F}" destId="{1101979A-8273-4C71-A457-B82D1A615E2A}" srcOrd="0" destOrd="0" presId="urn:microsoft.com/office/officeart/2005/8/layout/vList5"/>
    <dgm:cxn modelId="{F031D77F-7736-46CB-A3DD-1D14D273890C}" type="presParOf" srcId="{1101979A-8273-4C71-A457-B82D1A615E2A}" destId="{FD387DA6-DAB2-4B55-9B80-57C0CE2B8DCA}" srcOrd="0" destOrd="0" presId="urn:microsoft.com/office/officeart/2005/8/layout/vList5"/>
    <dgm:cxn modelId="{D38DE4C2-FDE0-435B-8831-B6D7DB938C88}" type="presParOf" srcId="{99B1280F-8DDE-4358-9435-027EFFCCEB1F}" destId="{4ABFF166-4FEF-4529-9F41-C9678E7962FF}" srcOrd="1" destOrd="0" presId="urn:microsoft.com/office/officeart/2005/8/layout/vList5"/>
    <dgm:cxn modelId="{96F7385B-1616-431C-89F4-BB3128E71A9A}" type="presParOf" srcId="{99B1280F-8DDE-4358-9435-027EFFCCEB1F}" destId="{39455E2F-E59E-4A58-89BE-FCE11A6F8567}" srcOrd="2" destOrd="0" presId="urn:microsoft.com/office/officeart/2005/8/layout/vList5"/>
    <dgm:cxn modelId="{E2875F44-80CC-47CE-A505-32C6713F5F2A}" type="presParOf" srcId="{39455E2F-E59E-4A58-89BE-FCE11A6F8567}" destId="{DE49EEC7-F283-45C0-98C9-593D668AD2AD}" srcOrd="0" destOrd="0" presId="urn:microsoft.com/office/officeart/2005/8/layout/vList5"/>
    <dgm:cxn modelId="{09478484-AD86-481F-9DB0-83A5A47858E5}" type="presParOf" srcId="{99B1280F-8DDE-4358-9435-027EFFCCEB1F}" destId="{DA0FD92F-46C6-4F60-A7F9-09372E80FC13}" srcOrd="3" destOrd="0" presId="urn:microsoft.com/office/officeart/2005/8/layout/vList5"/>
    <dgm:cxn modelId="{0882D86C-3F86-4DAC-A7C8-BE8111700411}" type="presParOf" srcId="{99B1280F-8DDE-4358-9435-027EFFCCEB1F}" destId="{5420E513-D456-4C4A-8A47-A7C27152A363}" srcOrd="4" destOrd="0" presId="urn:microsoft.com/office/officeart/2005/8/layout/vList5"/>
    <dgm:cxn modelId="{50F85EBC-B3CD-4E1A-8887-2326BFA7AE10}" type="presParOf" srcId="{5420E513-D456-4C4A-8A47-A7C27152A363}" destId="{D37548AF-D97F-4A00-88B8-42E7B5319383}" srcOrd="0" destOrd="0" presId="urn:microsoft.com/office/officeart/2005/8/layout/vList5"/>
    <dgm:cxn modelId="{9F2A7D11-86AE-48FF-82E9-3B937AF72368}" type="presParOf" srcId="{99B1280F-8DDE-4358-9435-027EFFCCEB1F}" destId="{DCD08EE1-83DE-4DA1-BA2E-1641A6189296}" srcOrd="5" destOrd="0" presId="urn:microsoft.com/office/officeart/2005/8/layout/vList5"/>
    <dgm:cxn modelId="{EEFE39FC-76C7-44FE-B99B-B74FD7DB69DE}" type="presParOf" srcId="{99B1280F-8DDE-4358-9435-027EFFCCEB1F}" destId="{49AF1A2C-7683-4305-85D1-176A5F6E5E9B}" srcOrd="6" destOrd="0" presId="urn:microsoft.com/office/officeart/2005/8/layout/vList5"/>
    <dgm:cxn modelId="{F20721F1-A16C-4EC1-9738-8147F2112161}" type="presParOf" srcId="{49AF1A2C-7683-4305-85D1-176A5F6E5E9B}" destId="{0C8209D7-866A-4A3D-A625-7BC27EB93193}" srcOrd="0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03BC28-DE92-42D4-821F-3D1EA0A4FCA8}">
      <dsp:nvSpPr>
        <dsp:cNvPr id="0" name=""/>
        <dsp:cNvSpPr/>
      </dsp:nvSpPr>
      <dsp:spPr>
        <a:xfrm>
          <a:off x="803177" y="1009616"/>
          <a:ext cx="1504784" cy="2213961"/>
        </a:xfrm>
        <a:prstGeom prst="rect">
          <a:avLst/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Predisporr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la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trasmission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informazion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: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nfidenziali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impegnative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formali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inviate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con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ricevut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recapito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o in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pi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noscenz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nascosta</a:t>
          </a:r>
          <a:endParaRPr lang="it-IT" sz="1100" kern="1200" dirty="0"/>
        </a:p>
      </dsp:txBody>
      <dsp:txXfrm>
        <a:off x="1043942" y="1009616"/>
        <a:ext cx="1264018" cy="2213961"/>
      </dsp:txXfrm>
    </dsp:sp>
    <dsp:sp modelId="{AFCDD91A-DF34-475C-9F52-D63611E8F0B5}">
      <dsp:nvSpPr>
        <dsp:cNvPr id="0" name=""/>
        <dsp:cNvSpPr/>
      </dsp:nvSpPr>
      <dsp:spPr>
        <a:xfrm>
          <a:off x="625" y="608341"/>
          <a:ext cx="1003189" cy="1003189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COMPORRE</a:t>
          </a:r>
          <a:endParaRPr lang="it-IT" sz="800" kern="1200" dirty="0"/>
        </a:p>
      </dsp:txBody>
      <dsp:txXfrm>
        <a:off x="147539" y="755255"/>
        <a:ext cx="709361" cy="709361"/>
      </dsp:txXfrm>
    </dsp:sp>
    <dsp:sp modelId="{F277DCAD-4FCB-472E-96E0-4AABCFA3CC8E}">
      <dsp:nvSpPr>
        <dsp:cNvPr id="0" name=""/>
        <dsp:cNvSpPr/>
      </dsp:nvSpPr>
      <dsp:spPr>
        <a:xfrm>
          <a:off x="3311151" y="1009616"/>
          <a:ext cx="1504784" cy="744688"/>
        </a:xfrm>
        <a:prstGeom prst="rect">
          <a:avLst/>
        </a:prstGeom>
        <a:solidFill>
          <a:schemeClr val="accent3">
            <a:tint val="40000"/>
            <a:alpha val="90000"/>
            <a:hueOff val="2277662"/>
            <a:satOff val="-15793"/>
            <a:lumOff val="-763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2277662"/>
              <a:satOff val="-15793"/>
              <a:lumOff val="-76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Difenders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dallo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spam</a:t>
          </a:r>
          <a:endParaRPr lang="it-IT" sz="1100" kern="1200" dirty="0"/>
        </a:p>
      </dsp:txBody>
      <dsp:txXfrm>
        <a:off x="3551916" y="1009616"/>
        <a:ext cx="1264018" cy="744688"/>
      </dsp:txXfrm>
    </dsp:sp>
    <dsp:sp modelId="{C9AACC71-BB95-4D3B-A989-CC1EE0458375}">
      <dsp:nvSpPr>
        <dsp:cNvPr id="0" name=""/>
        <dsp:cNvSpPr/>
      </dsp:nvSpPr>
      <dsp:spPr>
        <a:xfrm>
          <a:off x="3311151" y="1754305"/>
          <a:ext cx="1504784" cy="528262"/>
        </a:xfrm>
        <a:prstGeom prst="rect">
          <a:avLst/>
        </a:prstGeom>
        <a:solidFill>
          <a:schemeClr val="accent3">
            <a:tint val="40000"/>
            <a:alpha val="90000"/>
            <a:hueOff val="4555323"/>
            <a:satOff val="-31587"/>
            <a:lumOff val="-1526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4555323"/>
              <a:satOff val="-31587"/>
              <a:lumOff val="-152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smtClean="0">
              <a:effectLst/>
              <a:latin typeface="+mn-lt"/>
              <a:ea typeface="+mn-ea"/>
              <a:cs typeface="+mn-cs"/>
            </a:rPr>
            <a:t>Gestire il messaggio ricevuto</a:t>
          </a:r>
          <a:endParaRPr lang="it-IT" sz="1100" kern="1200" dirty="0"/>
        </a:p>
      </dsp:txBody>
      <dsp:txXfrm>
        <a:off x="3551916" y="1754305"/>
        <a:ext cx="1264018" cy="528262"/>
      </dsp:txXfrm>
    </dsp:sp>
    <dsp:sp modelId="{13A7B119-B7B4-4DBC-AD41-57651B0B7873}">
      <dsp:nvSpPr>
        <dsp:cNvPr id="0" name=""/>
        <dsp:cNvSpPr/>
      </dsp:nvSpPr>
      <dsp:spPr>
        <a:xfrm>
          <a:off x="2508599" y="608341"/>
          <a:ext cx="1003189" cy="1003189"/>
        </a:xfrm>
        <a:prstGeom prst="ellipse">
          <a:avLst/>
        </a:prstGeom>
        <a:solidFill>
          <a:schemeClr val="accent3">
            <a:hueOff val="3283952"/>
            <a:satOff val="-25316"/>
            <a:lumOff val="686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RICEVERE</a:t>
          </a:r>
          <a:endParaRPr lang="it-IT" sz="800" kern="1200" dirty="0"/>
        </a:p>
      </dsp:txBody>
      <dsp:txXfrm>
        <a:off x="2655513" y="755255"/>
        <a:ext cx="709361" cy="709361"/>
      </dsp:txXfrm>
    </dsp:sp>
    <dsp:sp modelId="{90F2F885-5F0B-423E-ACE5-A83BDD0EB268}">
      <dsp:nvSpPr>
        <dsp:cNvPr id="0" name=""/>
        <dsp:cNvSpPr/>
      </dsp:nvSpPr>
      <dsp:spPr>
        <a:xfrm>
          <a:off x="5819124" y="1009616"/>
          <a:ext cx="1504784" cy="1010777"/>
        </a:xfrm>
        <a:prstGeom prst="rect">
          <a:avLst/>
        </a:prstGeom>
        <a:solidFill>
          <a:schemeClr val="accent3">
            <a:tint val="40000"/>
            <a:alpha val="90000"/>
            <a:hueOff val="6832984"/>
            <a:satOff val="-47380"/>
            <a:lumOff val="-2289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6832984"/>
              <a:satOff val="-47380"/>
              <a:lumOff val="-228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ispettare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una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seri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norm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obbligh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e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responsabilità</a:t>
          </a:r>
          <a:endParaRPr lang="it-IT" sz="1100" kern="1200" dirty="0"/>
        </a:p>
      </dsp:txBody>
      <dsp:txXfrm>
        <a:off x="6059890" y="1009616"/>
        <a:ext cx="1264018" cy="1010777"/>
      </dsp:txXfrm>
    </dsp:sp>
    <dsp:sp modelId="{30664264-29E1-46B5-BB02-6D52719AA172}">
      <dsp:nvSpPr>
        <dsp:cNvPr id="0" name=""/>
        <dsp:cNvSpPr/>
      </dsp:nvSpPr>
      <dsp:spPr>
        <a:xfrm>
          <a:off x="5016573" y="608341"/>
          <a:ext cx="1003189" cy="1003189"/>
        </a:xfrm>
        <a:prstGeom prst="ellipse">
          <a:avLst/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RISPONDERE</a:t>
          </a:r>
          <a:endParaRPr lang="it-IT" sz="800" kern="1200" dirty="0"/>
        </a:p>
      </dsp:txBody>
      <dsp:txXfrm>
        <a:off x="5163487" y="755255"/>
        <a:ext cx="709361" cy="70936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BCE34DD-8730-414C-AE5C-1A52D6893DA7}">
      <dsp:nvSpPr>
        <dsp:cNvPr id="0" name=""/>
        <dsp:cNvSpPr/>
      </dsp:nvSpPr>
      <dsp:spPr>
        <a:xfrm>
          <a:off x="0" y="1311660"/>
          <a:ext cx="5837736" cy="314208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l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pri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"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ubblic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" </a:t>
          </a:r>
          <a:endParaRPr lang="it-IT" sz="1400" kern="1200" dirty="0"/>
        </a:p>
      </dsp:txBody>
      <dsp:txXfrm>
        <a:off x="15338" y="1326998"/>
        <a:ext cx="5807060" cy="283532"/>
      </dsp:txXfrm>
    </dsp:sp>
    <dsp:sp modelId="{69CE3A8D-B5B7-4F83-905C-2512763C29B0}">
      <dsp:nvSpPr>
        <dsp:cNvPr id="0" name=""/>
        <dsp:cNvSpPr/>
      </dsp:nvSpPr>
      <dsp:spPr>
        <a:xfrm>
          <a:off x="0" y="1810188"/>
          <a:ext cx="5837736" cy="322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vi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’us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account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sonal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er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avoro</a:t>
          </a:r>
          <a:endParaRPr lang="it-IT" sz="1400" kern="1200" dirty="0"/>
        </a:p>
      </dsp:txBody>
      <dsp:txXfrm>
        <a:off x="15744" y="1825932"/>
        <a:ext cx="5806248" cy="291023"/>
      </dsp:txXfrm>
    </dsp:sp>
    <dsp:sp modelId="{D4C7D067-45B3-4906-A5C5-E02EEF8FFB35}">
      <dsp:nvSpPr>
        <dsp:cNvPr id="0" name=""/>
        <dsp:cNvSpPr/>
      </dsp:nvSpPr>
      <dsp:spPr>
        <a:xfrm>
          <a:off x="0" y="2317020"/>
          <a:ext cx="5837736" cy="433944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mpostazion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lla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rivacy del social</a:t>
          </a:r>
          <a:endParaRPr lang="it-IT" sz="1400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1183" y="2338203"/>
        <a:ext cx="5795370" cy="391578"/>
      </dsp:txXfrm>
    </dsp:sp>
    <dsp:sp modelId="{8BE038CA-1762-4521-90C2-AF8F38E8EB01}">
      <dsp:nvSpPr>
        <dsp:cNvPr id="0" name=""/>
        <dsp:cNvSpPr/>
      </dsp:nvSpPr>
      <dsp:spPr>
        <a:xfrm>
          <a:off x="0" y="2935284"/>
          <a:ext cx="5837736" cy="44345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t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llegamen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solo da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tat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osciu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o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ertificati</a:t>
          </a:r>
          <a:endParaRPr lang="it-IT" sz="1400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1648" y="2956932"/>
        <a:ext cx="5794440" cy="400161"/>
      </dsp:txXfrm>
    </dsp:sp>
    <dsp:sp modelId="{3C9EAE91-4956-4893-8347-76EE5C3033C0}">
      <dsp:nvSpPr>
        <dsp:cNvPr id="0" name=""/>
        <dsp:cNvSpPr/>
      </dsp:nvSpPr>
      <dsp:spPr>
        <a:xfrm>
          <a:off x="0" y="3563061"/>
          <a:ext cx="5837736" cy="41391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ispet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“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uon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atich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” per la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gestion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a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ell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assword</a:t>
          </a:r>
          <a:endParaRPr lang="it-IT" sz="1400" kern="1200" dirty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0206" y="3583267"/>
        <a:ext cx="5797324" cy="37350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8D7E9B2-2E1C-44FD-807D-76D905691AC2}">
      <dsp:nvSpPr>
        <dsp:cNvPr id="0" name=""/>
        <dsp:cNvSpPr/>
      </dsp:nvSpPr>
      <dsp:spPr>
        <a:xfrm>
          <a:off x="1480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Ingresso in azienda di  pc e periferiche</a:t>
          </a:r>
          <a:endParaRPr lang="it-IT" sz="1100" i="0" kern="1200" dirty="0"/>
        </a:p>
      </dsp:txBody>
      <dsp:txXfrm>
        <a:off x="1480" y="1253976"/>
        <a:ext cx="851023" cy="1253976"/>
      </dsp:txXfrm>
    </dsp:sp>
    <dsp:sp modelId="{AD908F5B-BFD2-4710-B7B8-C275DF75C304}">
      <dsp:nvSpPr>
        <dsp:cNvPr id="0" name=""/>
        <dsp:cNvSpPr/>
      </dsp:nvSpPr>
      <dsp:spPr>
        <a:xfrm>
          <a:off x="27010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20ABD13-D6E8-479C-B300-353B1495F353}">
      <dsp:nvSpPr>
        <dsp:cNvPr id="0" name=""/>
        <dsp:cNvSpPr/>
      </dsp:nvSpPr>
      <dsp:spPr>
        <a:xfrm>
          <a:off x="878034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Assegnazioni non nominative</a:t>
          </a:r>
          <a:endParaRPr lang="it-IT" sz="1100" b="0" i="0" u="none" strike="noStrike" kern="1200" baseline="0" dirty="0">
            <a:solidFill>
              <a:schemeClr val="tx1"/>
            </a:solidFill>
            <a:latin typeface="+mn-lt"/>
            <a:ea typeface="+mn-ea"/>
            <a:cs typeface="+mn-cs"/>
          </a:endParaRPr>
        </a:p>
      </dsp:txBody>
      <dsp:txXfrm>
        <a:off x="878034" y="1253976"/>
        <a:ext cx="851023" cy="1253976"/>
      </dsp:txXfrm>
    </dsp:sp>
    <dsp:sp modelId="{F388B557-2BBB-477E-A06F-8A61068EFC46}">
      <dsp:nvSpPr>
        <dsp:cNvPr id="0" name=""/>
        <dsp:cNvSpPr/>
      </dsp:nvSpPr>
      <dsp:spPr>
        <a:xfrm>
          <a:off x="903565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6C69C84-37A9-43B7-ABBA-27D7F1AF333F}">
      <dsp:nvSpPr>
        <dsp:cNvPr id="0" name=""/>
        <dsp:cNvSpPr/>
      </dsp:nvSpPr>
      <dsp:spPr>
        <a:xfrm>
          <a:off x="1754588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Collocazione fisica  e principale</a:t>
          </a:r>
          <a:endParaRPr lang="it-IT" sz="1100" kern="1200" dirty="0"/>
        </a:p>
      </dsp:txBody>
      <dsp:txXfrm>
        <a:off x="1754588" y="1253976"/>
        <a:ext cx="851023" cy="1253976"/>
      </dsp:txXfrm>
    </dsp:sp>
    <dsp:sp modelId="{14375040-64E6-41FF-B466-8DF3F9D8E43B}">
      <dsp:nvSpPr>
        <dsp:cNvPr id="0" name=""/>
        <dsp:cNvSpPr/>
      </dsp:nvSpPr>
      <dsp:spPr>
        <a:xfrm>
          <a:off x="1780119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3909270-6D8C-4BAE-B85F-9989B16958A1}">
      <dsp:nvSpPr>
        <dsp:cNvPr id="0" name=""/>
        <dsp:cNvSpPr/>
      </dsp:nvSpPr>
      <dsp:spPr>
        <a:xfrm>
          <a:off x="2632202" y="0"/>
          <a:ext cx="79784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Limitazione delle installazioni</a:t>
          </a:r>
          <a:endParaRPr lang="it-IT" sz="1100" kern="1200" dirty="0"/>
        </a:p>
      </dsp:txBody>
      <dsp:txXfrm>
        <a:off x="2632202" y="1253976"/>
        <a:ext cx="797843" cy="1253976"/>
      </dsp:txXfrm>
    </dsp:sp>
    <dsp:sp modelId="{5B82E1D4-EFAD-4C57-AAAC-AEFAD19F3627}">
      <dsp:nvSpPr>
        <dsp:cNvPr id="0" name=""/>
        <dsp:cNvSpPr/>
      </dsp:nvSpPr>
      <dsp:spPr>
        <a:xfrm>
          <a:off x="2631142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3E1F87-D860-462A-9D8D-3E45249E8EEC}">
      <dsp:nvSpPr>
        <dsp:cNvPr id="0" name=""/>
        <dsp:cNvSpPr/>
      </dsp:nvSpPr>
      <dsp:spPr>
        <a:xfrm>
          <a:off x="3456635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Periodicità dell’inventario</a:t>
          </a:r>
          <a:endParaRPr lang="it-IT" sz="1100" kern="1200" dirty="0"/>
        </a:p>
      </dsp:txBody>
      <dsp:txXfrm>
        <a:off x="3456635" y="1253976"/>
        <a:ext cx="851023" cy="1253976"/>
      </dsp:txXfrm>
    </dsp:sp>
    <dsp:sp modelId="{856BC29D-5A75-4B8A-B2F4-E0D14BFB1634}">
      <dsp:nvSpPr>
        <dsp:cNvPr id="0" name=""/>
        <dsp:cNvSpPr/>
      </dsp:nvSpPr>
      <dsp:spPr>
        <a:xfrm>
          <a:off x="3482166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D0EAC18-0086-42BF-8497-EC7BA1AA3071}">
      <dsp:nvSpPr>
        <dsp:cNvPr id="0" name=""/>
        <dsp:cNvSpPr/>
      </dsp:nvSpPr>
      <dsp:spPr>
        <a:xfrm>
          <a:off x="4333190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egolamento sull’utilizzo</a:t>
          </a:r>
          <a:endParaRPr lang="it-IT" sz="1100" kern="1200" dirty="0"/>
        </a:p>
      </dsp:txBody>
      <dsp:txXfrm>
        <a:off x="4333190" y="1253976"/>
        <a:ext cx="851023" cy="1253976"/>
      </dsp:txXfrm>
    </dsp:sp>
    <dsp:sp modelId="{B27891DC-BFA1-4E10-94BA-7E594CE775D3}">
      <dsp:nvSpPr>
        <dsp:cNvPr id="0" name=""/>
        <dsp:cNvSpPr/>
      </dsp:nvSpPr>
      <dsp:spPr>
        <a:xfrm>
          <a:off x="4358720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AEC8916-1DBB-43B9-9D57-C460698A15AD}">
      <dsp:nvSpPr>
        <dsp:cNvPr id="0" name=""/>
        <dsp:cNvSpPr/>
      </dsp:nvSpPr>
      <dsp:spPr>
        <a:xfrm>
          <a:off x="5209744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ispetto della normativa su privacy e sicurezza</a:t>
          </a:r>
          <a:endParaRPr lang="it-IT" sz="1100" kern="1200" dirty="0"/>
        </a:p>
      </dsp:txBody>
      <dsp:txXfrm>
        <a:off x="5209744" y="1253976"/>
        <a:ext cx="851023" cy="1253976"/>
      </dsp:txXfrm>
    </dsp:sp>
    <dsp:sp modelId="{CB3EC846-F983-49C7-B309-C02EC73112F2}">
      <dsp:nvSpPr>
        <dsp:cNvPr id="0" name=""/>
        <dsp:cNvSpPr/>
      </dsp:nvSpPr>
      <dsp:spPr>
        <a:xfrm>
          <a:off x="5235275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74F8266-6291-4B36-BF7A-C66FDFA3DCDF}">
      <dsp:nvSpPr>
        <dsp:cNvPr id="0" name=""/>
        <dsp:cNvSpPr/>
      </dsp:nvSpPr>
      <dsp:spPr>
        <a:xfrm>
          <a:off x="242489" y="2507953"/>
          <a:ext cx="5577268" cy="470241"/>
        </a:xfrm>
        <a:prstGeom prst="leftRight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0A86CE2-5A8D-481F-A9BE-7A8E541DBF61}">
      <dsp:nvSpPr>
        <dsp:cNvPr id="0" name=""/>
        <dsp:cNvSpPr/>
      </dsp:nvSpPr>
      <dsp:spPr>
        <a:xfrm>
          <a:off x="0" y="0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È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l’unica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componente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sotto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il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diretto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controllo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e la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responsabilità</a:t>
          </a:r>
          <a:r>
            <a:rPr lang="en-US" sz="1900" u="none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baseline="0" dirty="0" err="1" smtClean="0">
              <a:effectLst/>
              <a:latin typeface="+mn-lt"/>
              <a:ea typeface="+mn-ea"/>
              <a:cs typeface="+mn-cs"/>
            </a:rPr>
            <a:t>aziendali</a:t>
          </a:r>
          <a:r>
            <a:rPr lang="en-US" sz="1900" u="none" kern="1200" baseline="0" dirty="0" smtClean="0">
              <a:effectLst/>
              <a:latin typeface="+mn-lt"/>
              <a:ea typeface="+mn-ea"/>
              <a:cs typeface="+mn-cs"/>
            </a:rPr>
            <a:t> </a:t>
          </a:r>
          <a:endParaRPr lang="it-IT" sz="1900" b="1" kern="1200" dirty="0"/>
        </a:p>
      </dsp:txBody>
      <dsp:txXfrm>
        <a:off x="1283732" y="0"/>
        <a:ext cx="4663630" cy="942602"/>
      </dsp:txXfrm>
    </dsp:sp>
    <dsp:sp modelId="{B187DDC2-8A93-4590-B8D6-A8C3B7934E4D}">
      <dsp:nvSpPr>
        <dsp:cNvPr id="0" name=""/>
        <dsp:cNvSpPr/>
      </dsp:nvSpPr>
      <dsp:spPr>
        <a:xfrm>
          <a:off x="94260" y="94260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255B819-82A3-40D2-9553-D34F106B3FFA}">
      <dsp:nvSpPr>
        <dsp:cNvPr id="0" name=""/>
        <dsp:cNvSpPr/>
      </dsp:nvSpPr>
      <dsp:spPr>
        <a:xfrm>
          <a:off x="0" y="1036863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3283952"/>
            <a:satOff val="-25316"/>
            <a:lumOff val="686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smtClean="0">
              <a:effectLst/>
              <a:latin typeface="+mn-lt"/>
              <a:ea typeface="+mn-ea"/>
              <a:cs typeface="+mn-cs"/>
            </a:rPr>
            <a:t>Collega fra loro i diversi dispositivi </a:t>
          </a:r>
          <a:endParaRPr lang="it-IT" sz="1900" b="1" kern="1200" dirty="0"/>
        </a:p>
      </dsp:txBody>
      <dsp:txXfrm>
        <a:off x="1283732" y="1036863"/>
        <a:ext cx="4663630" cy="942602"/>
      </dsp:txXfrm>
    </dsp:sp>
    <dsp:sp modelId="{15081A5A-0768-4D3E-9C15-F27B5F683591}">
      <dsp:nvSpPr>
        <dsp:cNvPr id="0" name=""/>
        <dsp:cNvSpPr/>
      </dsp:nvSpPr>
      <dsp:spPr>
        <a:xfrm>
          <a:off x="94260" y="1131123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17A3AC-FDA4-461F-9D80-CA1B3856F1A3}">
      <dsp:nvSpPr>
        <dsp:cNvPr id="0" name=""/>
        <dsp:cNvSpPr/>
      </dsp:nvSpPr>
      <dsp:spPr>
        <a:xfrm>
          <a:off x="0" y="2073726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smtClean="0">
              <a:effectLst/>
              <a:latin typeface="+mn-lt"/>
              <a:ea typeface="+mn-ea"/>
              <a:cs typeface="+mn-cs"/>
            </a:rPr>
            <a:t>È il primo anello di collegamento a Internet</a:t>
          </a:r>
          <a:endParaRPr lang="it-IT" sz="1900" b="1" kern="1200" dirty="0"/>
        </a:p>
      </dsp:txBody>
      <dsp:txXfrm>
        <a:off x="1283732" y="2073726"/>
        <a:ext cx="4663630" cy="942602"/>
      </dsp:txXfrm>
    </dsp:sp>
    <dsp:sp modelId="{C1114D49-F0A7-4021-93DB-06330D947CA2}">
      <dsp:nvSpPr>
        <dsp:cNvPr id="0" name=""/>
        <dsp:cNvSpPr/>
      </dsp:nvSpPr>
      <dsp:spPr>
        <a:xfrm>
          <a:off x="94260" y="2167986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7000" b="-27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15DF9AE-40C5-4DF0-B561-1948140F2B5E}">
      <dsp:nvSpPr>
        <dsp:cNvPr id="0" name=""/>
        <dsp:cNvSpPr/>
      </dsp:nvSpPr>
      <dsp:spPr>
        <a:xfrm>
          <a:off x="0" y="21937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amo gli unici responsabili</a:t>
          </a:r>
          <a:r>
            <a:rPr lang="it-IT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ella LAN</a:t>
          </a:r>
          <a:endParaRPr lang="it-IT" sz="1500" i="0" kern="1200" dirty="0"/>
        </a:p>
      </dsp:txBody>
      <dsp:txXfrm>
        <a:off x="29088" y="51025"/>
        <a:ext cx="7591432" cy="537701"/>
      </dsp:txXfrm>
    </dsp:sp>
    <dsp:sp modelId="{D62AC1BC-3656-45C4-BD18-19C6A099B87C}">
      <dsp:nvSpPr>
        <dsp:cNvPr id="0" name=""/>
        <dsp:cNvSpPr/>
      </dsp:nvSpPr>
      <dsp:spPr>
        <a:xfrm>
          <a:off x="0" y="661014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eferibil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un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pproccio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imalista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690102"/>
        <a:ext cx="7591432" cy="537701"/>
      </dsp:txXfrm>
    </dsp:sp>
    <dsp:sp modelId="{CE3C5980-C603-43B8-A0B2-504AD27E7D50}">
      <dsp:nvSpPr>
        <dsp:cNvPr id="0" name=""/>
        <dsp:cNvSpPr/>
      </dsp:nvSpPr>
      <dsp:spPr>
        <a:xfrm>
          <a:off x="0" y="1300092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tegge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 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a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acce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terne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interne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1329180"/>
        <a:ext cx="7591432" cy="537701"/>
      </dsp:txXfrm>
    </dsp:sp>
    <dsp:sp modelId="{BFD3BBAC-E46A-4BB5-AE23-C09C8A5F71E6}">
      <dsp:nvSpPr>
        <dsp:cNvPr id="0" name=""/>
        <dsp:cNvSpPr/>
      </dsp:nvSpPr>
      <dsp:spPr>
        <a:xfrm>
          <a:off x="0" y="1939169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on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ono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fficienti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firewall </a:t>
          </a:r>
          <a:r>
            <a:rPr lang="it-IT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 proteggere la LAN, vanno riconfigurati e sono necessari minimo due di diversa tecnologia</a:t>
          </a:r>
        </a:p>
      </dsp:txBody>
      <dsp:txXfrm>
        <a:off x="29088" y="1968257"/>
        <a:ext cx="7591432" cy="537701"/>
      </dsp:txXfrm>
    </dsp:sp>
    <dsp:sp modelId="{F20B8325-9578-4305-B466-FC50EA530319}">
      <dsp:nvSpPr>
        <dsp:cNvPr id="0" name=""/>
        <dsp:cNvSpPr/>
      </dsp:nvSpPr>
      <dsp:spPr>
        <a:xfrm>
          <a:off x="0" y="2578247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nal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radio</a:t>
          </a:r>
        </a:p>
      </dsp:txBody>
      <dsp:txXfrm>
        <a:off x="29088" y="2607335"/>
        <a:ext cx="7591432" cy="537701"/>
      </dsp:txXfrm>
    </dsp:sp>
    <dsp:sp modelId="{F2FA0AF0-269B-4A2A-A6BE-6165F573116B}">
      <dsp:nvSpPr>
        <dsp:cNvPr id="0" name=""/>
        <dsp:cNvSpPr/>
      </dsp:nvSpPr>
      <dsp:spPr>
        <a:xfrm>
          <a:off x="0" y="3217324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nession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(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. VPN),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l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s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iù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N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nterconnesse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3246412"/>
        <a:ext cx="7591432" cy="537701"/>
      </dsp:txXfrm>
    </dsp:sp>
    <dsp:sp modelId="{A6BB53AC-56F0-4C80-A56B-7EEC9305FA58}">
      <dsp:nvSpPr>
        <dsp:cNvPr id="0" name=""/>
        <dsp:cNvSpPr/>
      </dsp:nvSpPr>
      <dsp:spPr>
        <a:xfrm>
          <a:off x="0" y="3856401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isogna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mbi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egolarment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hiav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WiF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password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ss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firewall e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gl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ltr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ispositiv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ezza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3885489"/>
        <a:ext cx="7591432" cy="537701"/>
      </dsp:txXfrm>
    </dsp:sp>
    <dsp:sp modelId="{016ADB1D-7CD7-47F5-85F0-01D2714F6BE3}">
      <dsp:nvSpPr>
        <dsp:cNvPr id="0" name=""/>
        <dsp:cNvSpPr/>
      </dsp:nvSpPr>
      <dsp:spPr>
        <a:xfrm>
          <a:off x="0" y="4495479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onitor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stantement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4524567"/>
        <a:ext cx="7591432" cy="537701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D387DA6-DAB2-4B55-9B80-57C0CE2B8DCA}">
      <dsp:nvSpPr>
        <dsp:cNvPr id="0" name=""/>
        <dsp:cNvSpPr/>
      </dsp:nvSpPr>
      <dsp:spPr>
        <a:xfrm>
          <a:off x="1866460" y="2772"/>
          <a:ext cx="2099767" cy="1333606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Disco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rigid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intern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 o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estern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 (hard disk)</a:t>
          </a:r>
          <a:endParaRPr lang="it-IT" sz="1600" b="1" i="0" kern="1200" dirty="0"/>
        </a:p>
      </dsp:txBody>
      <dsp:txXfrm>
        <a:off x="1931561" y="67873"/>
        <a:ext cx="1969565" cy="1203404"/>
      </dsp:txXfrm>
    </dsp:sp>
    <dsp:sp modelId="{DE49EEC7-F283-45C0-98C9-593D668AD2AD}">
      <dsp:nvSpPr>
        <dsp:cNvPr id="0" name=""/>
        <dsp:cNvSpPr/>
      </dsp:nvSpPr>
      <dsp:spPr>
        <a:xfrm>
          <a:off x="1866460" y="1403059"/>
          <a:ext cx="2099767" cy="1333606"/>
        </a:xfrm>
        <a:prstGeom prst="roundRect">
          <a:avLst/>
        </a:prstGeom>
        <a:solidFill>
          <a:schemeClr val="accent3">
            <a:hueOff val="2189301"/>
            <a:satOff val="-16877"/>
            <a:lumOff val="458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smtClean="0">
              <a:effectLst/>
              <a:latin typeface="+mn-lt"/>
              <a:ea typeface="+mn-ea"/>
              <a:cs typeface="+mn-cs"/>
            </a:rPr>
            <a:t>Chiavetta USB (pen drive)</a:t>
          </a:r>
          <a:endParaRPr lang="it-IT" sz="1600" b="1" i="0" kern="1200" dirty="0">
            <a:effectLst/>
            <a:latin typeface="+mn-lt"/>
            <a:ea typeface="+mn-ea"/>
            <a:cs typeface="+mn-cs"/>
          </a:endParaRPr>
        </a:p>
      </dsp:txBody>
      <dsp:txXfrm>
        <a:off x="1931561" y="1468160"/>
        <a:ext cx="1969565" cy="1203404"/>
      </dsp:txXfrm>
    </dsp:sp>
    <dsp:sp modelId="{D37548AF-D97F-4A00-88B8-42E7B5319383}">
      <dsp:nvSpPr>
        <dsp:cNvPr id="0" name=""/>
        <dsp:cNvSpPr/>
      </dsp:nvSpPr>
      <dsp:spPr>
        <a:xfrm>
          <a:off x="1866460" y="2803346"/>
          <a:ext cx="2099767" cy="1333606"/>
        </a:xfrm>
        <a:prstGeom prst="roundRect">
          <a:avLst/>
        </a:prstGeom>
        <a:solidFill>
          <a:schemeClr val="accent3">
            <a:hueOff val="4378603"/>
            <a:satOff val="-33755"/>
            <a:lumOff val="915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smtClean="0">
              <a:effectLst/>
              <a:latin typeface="+mn-lt"/>
              <a:ea typeface="+mn-ea"/>
              <a:cs typeface="+mn-cs"/>
            </a:rPr>
            <a:t>Schedina (memory card)</a:t>
          </a:r>
          <a:endParaRPr lang="it-IT" sz="1600" b="1" i="0" kern="1200" dirty="0">
            <a:effectLst/>
            <a:latin typeface="+mn-lt"/>
            <a:ea typeface="+mn-ea"/>
            <a:cs typeface="+mn-cs"/>
          </a:endParaRPr>
        </a:p>
      </dsp:txBody>
      <dsp:txXfrm>
        <a:off x="1931561" y="2868447"/>
        <a:ext cx="1969565" cy="1203404"/>
      </dsp:txXfrm>
    </dsp:sp>
    <dsp:sp modelId="{0C8209D7-866A-4A3D-A625-7BC27EB93193}">
      <dsp:nvSpPr>
        <dsp:cNvPr id="0" name=""/>
        <dsp:cNvSpPr/>
      </dsp:nvSpPr>
      <dsp:spPr>
        <a:xfrm>
          <a:off x="1866460" y="4203632"/>
          <a:ext cx="2099767" cy="1333606"/>
        </a:xfrm>
        <a:prstGeom prst="roundRect">
          <a:avLst/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600" b="1" i="0" kern="1200" dirty="0" smtClean="0">
              <a:effectLst/>
              <a:latin typeface="+mn-lt"/>
              <a:ea typeface="+mn-ea"/>
              <a:cs typeface="+mn-cs"/>
            </a:rPr>
            <a:t>NAS</a:t>
          </a:r>
        </a:p>
      </dsp:txBody>
      <dsp:txXfrm>
        <a:off x="1931561" y="4268733"/>
        <a:ext cx="1969565" cy="120340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9">
  <dgm:title val=""/>
  <dgm:desc val=""/>
  <dgm:catLst>
    <dgm:cat type="list" pri="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3" srcId="0" destId="1" srcOrd="0" destOrd="0"/>
        <dgm:cxn modelId="4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2"/>
        <dgm:pt modelId="21"/>
        <dgm:pt modelId="22"/>
        <dgm:pt modelId="23"/>
        <dgm:pt modelId="24"/>
        <dgm:pt modelId="3"/>
        <dgm:pt modelId="31"/>
        <dgm:pt modelId="32"/>
        <dgm:pt modelId="33"/>
        <dgm:pt modelId="34"/>
      </dgm:ptLst>
      <dgm:cxnLst>
        <dgm:cxn modelId="4" srcId="0" destId="1" srcOrd="0" destOrd="0"/>
        <dgm:cxn modelId="5" srcId="0" destId="2" srcOrd="1" destOrd="0"/>
        <dgm:cxn modelId="6" srcId="0" destId="3" srcOrd="1" destOrd="0"/>
        <dgm:cxn modelId="15" srcId="1" destId="11" srcOrd="0" destOrd="0"/>
        <dgm:cxn modelId="16" srcId="1" destId="12" srcOrd="0" destOrd="0"/>
        <dgm:cxn modelId="17" srcId="1" destId="13" srcOrd="0" destOrd="0"/>
        <dgm:cxn modelId="18" srcId="1" destId="14" srcOrd="0" destOrd="0"/>
        <dgm:cxn modelId="25" srcId="2" destId="21" srcOrd="0" destOrd="0"/>
        <dgm:cxn modelId="26" srcId="2" destId="22" srcOrd="0" destOrd="0"/>
        <dgm:cxn modelId="27" srcId="2" destId="23" srcOrd="0" destOrd="0"/>
        <dgm:cxn modelId="28" srcId="2" destId="24" srcOrd="0" destOrd="0"/>
        <dgm:cxn modelId="35" srcId="3" destId="31" srcOrd="0" destOrd="0"/>
        <dgm:cxn modelId="36" srcId="3" destId="32" srcOrd="0" destOrd="0"/>
        <dgm:cxn modelId="37" srcId="3" destId="33" srcOrd="0" destOrd="0"/>
        <dgm:cxn modelId="38" srcId="3" destId="34" srcOrd="0" destOrd="0"/>
      </dgm:cxnLst>
      <dgm:bg/>
      <dgm:whole/>
    </dgm:dataModel>
  </dgm:clrData>
  <dgm:layoutNode name="list">
    <dgm:varLst>
      <dgm:dir/>
      <dgm:animLvl val="lvl"/>
    </dgm:varLst>
    <dgm:choose name="Name0">
      <dgm:if name="Name1" func="var" arg="dir" op="equ" val="norm">
        <dgm:alg type="lin">
          <dgm:param type="linDir" val="fromL"/>
          <dgm:param type="fallback" val="2D"/>
          <dgm:param type="nodeVertAlign" val="t"/>
        </dgm:alg>
      </dgm:if>
      <dgm:else name="Name2">
        <dgm:alg type="lin">
          <dgm:param type="linDir" val="fromR"/>
          <dgm:param type="fallback" val="2D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ircle" refType="w" fact="0.5"/>
      <dgm:constr type="w" for="ch" forName="vertFlow" refType="w" fact="0.75"/>
      <dgm:constr type="h" for="des" forName="firstComp" refType="w" refFor="ch" refForName="vertFlow" fact="0.667"/>
      <dgm:constr type="h" for="des" forName="comp" refType="h" refFor="des" refForName="firstComp" op="equ"/>
      <dgm:constr type="h" for="des" forName="topSpace" refType="w" refFor="ch" refForName="circle" op="equ" fact="0.4"/>
      <dgm:constr type="w" for="ch" forName="posSpace" refType="w" fact="0.4"/>
      <dgm:constr type="w" for="ch" forName="negSpace" refType="w" fact="-1.15"/>
      <dgm:constr type="w" for="ch" forName="transSpace" refType="w" fact="0.75"/>
      <dgm:constr type="primFontSz" for="ch" forName="circle" op="equ" val="65"/>
      <dgm:constr type="primFontSz" for="des" forName="firstChildTx" val="65"/>
      <dgm:constr type="primFontSz" for="des" forName="childTx" refType="primFontSz" refFor="des" refForName="firstChildTx" op="equ"/>
    </dgm:constrLst>
    <dgm:ruleLst/>
    <dgm:forEach name="Name3" axis="ch" ptType="node">
      <dgm:layoutNode name="pos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vertFlow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firstComp" refType="w"/>
          <dgm:constr type="w" for="ch" forName="comp" refType="w"/>
        </dgm:constrLst>
        <dgm:ruleLst/>
        <dgm:layoutNode name="top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firstComp">
          <dgm:alg type="composite"/>
          <dgm:shape xmlns:r="http://schemas.openxmlformats.org/officeDocument/2006/relationships" r:blip="">
            <dgm:adjLst/>
          </dgm:shape>
          <dgm:presOf/>
          <dgm:choose name="Name4">
            <dgm:if name="Name5" func="var" arg="dir" op="equ" val="norm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 refType="w" fact="0.16"/>
                <dgm:constr type="r" for="ch" forName="firstChildTx" refType="w"/>
                <dgm:constr type="h" for="ch" forName="firstChildTx" refFor="ch" refForName="firstChild" op="equ"/>
              </dgm:constrLst>
            </dgm:if>
            <dgm:else name="Name6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/>
                <dgm:constr type="r" for="ch" forName="firstChildTx" refType="w" fact="0.825"/>
                <dgm:constr type="h" for="ch" forName="firstChildTx" refFor="ch" refForName="firstChild" op="equ"/>
              </dgm:constrLst>
            </dgm:else>
          </dgm:choose>
          <dgm:ruleLst/>
          <dgm:layoutNode name="firstChild" styleLbl="bgAccFollowNode1">
            <dgm:alg type="sp"/>
            <dgm:shape xmlns:r="http://schemas.openxmlformats.org/officeDocument/2006/relationships" type="rect" r:blip="">
              <dgm:adjLst/>
            </dgm:shape>
            <dgm:presOf axis="ch desOrSelf" ptType="node node" cnt="1 0"/>
            <dgm:constrLst/>
            <dgm:ruleLst/>
          </dgm:layoutNode>
          <dgm:layoutNode name="firstChildTx" styleLbl="bgAccFollowNode1">
            <dgm:varLst>
              <dgm:bulletEnabled val="1"/>
            </dgm:varLst>
            <dgm:alg type="tx">
              <dgm:param type="parTxLTRAlign" val="l"/>
            </dgm:alg>
            <dgm:shape xmlns:r="http://schemas.openxmlformats.org/officeDocument/2006/relationships" type="rect" r:blip="" hideGeom="1">
              <dgm:adjLst/>
            </dgm:shape>
            <dgm:presOf axis="ch desOrSelf" ptType="node node" cnt="1 0"/>
            <dgm:choose name="Name7">
              <dgm:if name="Name8" func="var" arg="dir" op="equ" val="norm">
                <dgm:constrLst>
                  <dgm:constr type="primFontSz" val="65"/>
                  <dgm:constr type="lMarg"/>
                </dgm:constrLst>
              </dgm:if>
              <dgm:else name="Name9">
                <dgm:constrLst>
                  <dgm:constr type="primFontSz" val="65"/>
                  <dgm:constr type="rMarg"/>
                </dgm:constrLst>
              </dgm:else>
            </dgm:choose>
            <dgm:ruleLst>
              <dgm:rule type="primFontSz" val="5" fact="NaN" max="NaN"/>
            </dgm:ruleLst>
          </dgm:layoutNode>
        </dgm:layoutNode>
        <dgm:forEach name="Name10" axis="ch" ptType="node" st="2">
          <dgm:layoutNode name="comp">
            <dgm:alg type="composite"/>
            <dgm:shape xmlns:r="http://schemas.openxmlformats.org/officeDocument/2006/relationships" r:blip="">
              <dgm:adjLst/>
            </dgm:shape>
            <dgm:presOf/>
            <dgm:choose name="Name11">
              <dgm:if name="Name12" func="var" arg="dir" op="equ" val="norm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 refType="w" fact="0.16"/>
                  <dgm:constr type="r" for="ch" forName="childTx" refType="w"/>
                  <dgm:constr type="h" for="ch" forName="childTx" refFor="ch" refForName="child" op="equ"/>
                </dgm:constrLst>
              </dgm:if>
              <dgm:else name="Name13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/>
                  <dgm:constr type="r" for="ch" forName="childTx" refType="w" fact="0.825"/>
                  <dgm:constr type="h" for="ch" forName="childTx" refFor="ch" refForName="child" op="equ"/>
                </dgm:constrLst>
              </dgm:else>
            </dgm:choose>
            <dgm:ruleLst/>
            <dgm:layoutNode name="child" styleLbl="bgAccFollowNode1">
              <dgm:alg type="sp"/>
              <dgm:shape xmlns:r="http://schemas.openxmlformats.org/officeDocument/2006/relationships" type="rect" r:blip="">
                <dgm:adjLst/>
              </dgm:shape>
              <dgm:presOf axis="desOrSelf" ptType="node"/>
              <dgm:constrLst/>
              <dgm:ruleLst/>
            </dgm:layoutNode>
            <dgm:layoutNode name="childTx" styleLbl="bgAccFollowNode1">
              <dgm:varLst>
                <dgm:bulletEnabled val="1"/>
              </dgm:varLst>
              <dgm:alg type="tx">
                <dgm:param type="parTxLTRAlign" val="l"/>
              </dgm:alg>
              <dgm:shape xmlns:r="http://schemas.openxmlformats.org/officeDocument/2006/relationships" type="rect" r:blip="" hideGeom="1">
                <dgm:adjLst/>
              </dgm:shape>
              <dgm:presOf axis="desOrSelf" ptType="node"/>
              <dgm:choose name="Name14">
                <dgm:if name="Name15" func="var" arg="dir" op="equ" val="norm">
                  <dgm:constrLst>
                    <dgm:constr type="primFontSz" val="65"/>
                    <dgm:constr type="lMarg"/>
                  </dgm:constrLst>
                </dgm:if>
                <dgm:else name="Name16">
                  <dgm:constrLst>
                    <dgm:constr type="primFontSz" val="65"/>
                    <dgm:constr type="rMarg"/>
                  </dgm:constrLst>
                </dgm:else>
              </dgm:choose>
              <dgm:ruleLst>
                <dgm:rule type="primFontSz" val="5" fact="NaN" max="NaN"/>
              </dgm:ruleLst>
            </dgm:layoutNode>
          </dgm:layoutNode>
        </dgm:forEach>
      </dgm:layoutNode>
      <dgm:layoutNode name="neg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ircle" styleLbl="node1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lMarg"/>
          <dgm:constr type="rMarg"/>
          <dgm:constr type="tMarg"/>
          <dgm:constr type="bMarg"/>
          <dgm:constr type="h" refType="w"/>
        </dgm:constrLst>
        <dgm:ruleLst>
          <dgm:rule type="primFontSz" val="5" fact="NaN" max="NaN"/>
        </dgm:ruleLst>
      </dgm:layoutNode>
      <dgm:forEach name="Name17" axis="followSib" ptType="sibTrans" cnt="1">
        <dgm:layoutNode name="trans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cco in tabella le principali misure di sicurezza che l’azienda può prevedere nella gestione dei dispositivi mobile</a:t>
            </a:r>
          </a:p>
          <a:p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03495316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ent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l’ambi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(6)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LAN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nd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n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ret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ganizzazion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1</a:t>
            </a:r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litam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t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calità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trett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, ad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ffic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ific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un campus d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ific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19</a:t>
            </a:r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n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n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tto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roll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4</a:t>
            </a:r>
            <a:endParaRPr lang="en-US" sz="120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vers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PC, server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ampa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…).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30</a:t>
            </a:r>
            <a:endParaRPr lang="en-US" sz="120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oltr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ell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internet,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ortant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ind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nzion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ene e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36.5 </a:t>
            </a:r>
            <a:endParaRPr lang="en-US" sz="120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u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u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sars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: 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41</a:t>
            </a:r>
            <a:endParaRPr lang="en-US" sz="120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thernet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42</a:t>
            </a:r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dio (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gli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iu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wireless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.</a:t>
            </a:r>
          </a:p>
          <a:p>
            <a:pPr marL="0" indent="0">
              <a:buFont typeface="+mj-lt"/>
              <a:buNone/>
            </a:pPr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 up</a:t>
            </a:r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r>
              <a:rPr lang="en-US" sz="1200" b="1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b="1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1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hernet</a:t>
            </a:r>
            <a:r>
              <a:rPr lang="en-US" sz="1200" b="1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wireless?</a:t>
            </a:r>
          </a:p>
          <a:p>
            <a:pPr marL="0" indent="0">
              <a:buFont typeface="+mj-lt"/>
              <a:buNone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vist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i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thernet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feribi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é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nal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 è 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tu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er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ibil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r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d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d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l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i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È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evitabil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venien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onom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r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tablet e smartphon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lifera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(Fon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</a:t>
            </a: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70986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i="0" dirty="0" smtClean="0"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pett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ffermar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l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ruzion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? 5</a:t>
            </a:r>
            <a:endParaRPr lang="en-US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mo gli unici responsabili</a:t>
            </a:r>
            <a:r>
              <a:rPr lang="it-IT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la nostra LAN</a:t>
            </a:r>
            <a:r>
              <a:rPr lang="it-IT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9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feribil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roccio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imalist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l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’è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costa,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uast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llisc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non è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abil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17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l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tern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22</a:t>
            </a:r>
            <a:endParaRPr lang="en-US" sz="12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fficient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rewall </a:t>
            </a:r>
            <a:r>
              <a:rPr lang="it-IT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proteggersi e vanno comunque riconfigurati</a:t>
            </a:r>
            <a:r>
              <a:rPr lang="it-IT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27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nal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 (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nt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) con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i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33 </a:t>
            </a:r>
            <a:endParaRPr lang="en-US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conness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a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per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“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PN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.  41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password di accesso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irewall e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n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mbia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olarmen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49 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te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bene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ne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nitora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rete cost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bi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perl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perl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pp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ard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</a:p>
          <a:p>
            <a:pPr lvl="0"/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lvl="0"/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p</a:t>
            </a:r>
          </a:p>
          <a:p>
            <a:pPr lvl="0"/>
            <a:r>
              <a:rPr lang="en-US" sz="1200" b="1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è</a:t>
            </a:r>
            <a:r>
              <a:rPr lang="en-US" sz="1200" b="1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1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ppio</a:t>
            </a:r>
            <a:r>
              <a:rPr lang="en-US" sz="1200" b="1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irewal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é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h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ver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bbattu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ont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condo, 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cond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vers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i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’attac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e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rom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sso di temp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ttacc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lev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erm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lvl="0"/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1635213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s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molt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st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ferir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aborarl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dinarl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rva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en-US" sz="1200" i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er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r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ndamental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it-IT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facciamo un passo indietro, quali sono 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a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?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hard disk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et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 (o pen drive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hedin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memory card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ent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NAS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tto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str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’apposi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orta (ad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por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)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rete locale o LAN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rete Wi-Fi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81881864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alizziamo i vari dispositivi considerando la tipologia di connessione, 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4.5</a:t>
            </a:r>
            <a:endParaRPr lang="it-IT" sz="1200" b="0" i="0" u="none" strike="noStrik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tendo dai vantaggi e svantaggi del collegamento tramite cav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b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9 </a:t>
            </a:r>
            <a:endParaRPr lang="it-IT" sz="1200" b="0" i="0" u="none" strike="noStrik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e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 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hedi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co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otta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prattu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cchin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tografi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6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eggevol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7.5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 casa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2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v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oppo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viam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5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ic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 27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cc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vve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tac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l computer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31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34.5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ven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a cu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in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è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44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s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NAS) su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mporane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l fine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menta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55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ann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ter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57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ccoglito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ckup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62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64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uard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come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a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taccato da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al qu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72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ven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clusiv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comput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 up</a:t>
            </a:r>
          </a:p>
          <a:p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S </a:t>
            </a:r>
            <a:r>
              <a:rPr lang="en-US" sz="1200" b="1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i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1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</a:t>
            </a:r>
          </a:p>
          <a:p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rand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ezz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r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. 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sport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imi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at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riva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ident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cc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rtar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mbi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be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rieggi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ment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inter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arantis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inu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o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disco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ha un solo disc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o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pportu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cau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i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90983738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ve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6 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vve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ssun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logia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2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non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rchite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,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18 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t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clusiv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2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c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5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ta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c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et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bl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re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30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ic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 33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ampo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er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e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stac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ferenz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38 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loc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accesso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ggiung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i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45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aci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post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dirty="0" smtClean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28338733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</a:t>
            </a:r>
            <a:r>
              <a:rPr lang="it-IT" dirty="0"/>
              <a:t>a rispondere a questa domanda</a:t>
            </a:r>
            <a:r>
              <a:rPr lang="it-IT" dirty="0" smtClean="0"/>
              <a:t>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0" indent="0">
              <a:buFont typeface="+mj-lt"/>
              <a:buNone/>
            </a:pPr>
            <a:r>
              <a:rPr lang="it-IT" dirty="0" smtClean="0"/>
              <a:t>Esatto!/Non esatto!</a:t>
            </a:r>
            <a:r>
              <a:rPr lang="it-IT" baseline="0" dirty="0" smtClean="0"/>
              <a:t> 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[“port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]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l vademecum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ssintel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per le PMI tratta in maniera dettagliata l’approccio consigliato alle aziende per proteggersi dalle principali minacce derivanti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a un uso scorretto della posta elettronica, dei social network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i pc aziendali, de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vic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obili e dei dispositivi di memorizzazione dati più diffus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Fai clic sulle foto per scoprire di che cosa parleremo nelle prossime pagine!</a:t>
            </a:r>
          </a:p>
          <a:p>
            <a:pPr marL="228600" indent="-228600">
              <a:buFont typeface="+mj-lt"/>
              <a:buAutoNum type="arabicPeriod"/>
            </a:pP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ettron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m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ezzo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caz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incron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i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i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tinu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nd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usiness.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nota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istend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al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caz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real time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pitana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hatsApp.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7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è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lic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pess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en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0.5</a:t>
            </a:r>
            <a:endParaRPr lang="en-US" sz="1200" b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cessiv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involtur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end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ment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Ma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diam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aglio.27</a:t>
            </a:r>
            <a:endParaRPr lang="en-US" sz="1200" b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anzitutt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mpor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?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31</a:t>
            </a:r>
            <a:endParaRPr lang="en-US" sz="1200" b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dispor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miss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ie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lor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ie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vidu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ziend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tt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Le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fidenzial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egnativ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rmal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iat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capit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i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i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enz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scosta.52</a:t>
            </a:r>
            <a:endParaRPr lang="en-US" sz="1200" b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e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c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55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mis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enders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pam,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57.5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60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nde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i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62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a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r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bbligh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s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nsa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el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solo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tt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ettron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bb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6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8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c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o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facile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4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el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’uo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6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tti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il gateway ad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dur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ume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0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c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ve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dov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cis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4.5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o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il gateway non h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erm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9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et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mai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arente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ocu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lar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atte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molt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colo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pisodi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adu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nno fa: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43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li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berel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taliz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i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magi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gur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gna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ieg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b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ubr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4000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ltinazion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tor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ffic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emai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ì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ns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infrastru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4770171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 quali sono second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ssintel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le principali misure di sicurezza che l’azienda può mettere in campo nella gestione della posta elettronica? Ecco una tabella riepilogativa.</a:t>
            </a:r>
          </a:p>
          <a:p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3217445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aranti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dia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apevo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cial Network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7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attaform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par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pend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trebb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n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onom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r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7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n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dent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git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0.5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'otten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si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23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fil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ut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“social engineering”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anali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m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ut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fine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ermin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nta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accesso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dif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ste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hacking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. 37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ui Social Network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rv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ervat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ché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pu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45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co qualche </a:t>
            </a: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orgimento:48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if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"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"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qu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u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e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co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i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55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i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account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u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60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if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ost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vacy del soci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64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hie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d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a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iu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ific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71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u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assword.</a:t>
            </a: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08034263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s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mbi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l Comput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fine di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6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ed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rus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parte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interne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gu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ttr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ipol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tru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rver.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8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ica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iz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r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ntar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le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hardware e software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cci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30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ingr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PC (e rel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fer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monitor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ampa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istr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gazzi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ccessi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pa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mess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44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nomin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d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vidu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50 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s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s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rtat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gn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. I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60.5 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tal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ramm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ult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tal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muov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nom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cun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ftw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73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uar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sser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cur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cess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nta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od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ampo (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osi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mat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ferm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giorn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e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90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opportun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olt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tar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o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ol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97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lt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ettu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pportu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rol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rm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vacy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/>
            </a:r>
            <a:b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</a:b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martphone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C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rtati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ablet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ma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S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6-8)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vorisc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r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h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li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rnito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3.5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and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amb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16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7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e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ta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’es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ati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23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ta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[“port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]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34.5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evo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fic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com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38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du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ga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cqui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uten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ggiorna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iascun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b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’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48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gliora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du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50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ov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 52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ggio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lessi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pend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i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ddisf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grazi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i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de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ors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nd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sol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vit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66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segu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opri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ltr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c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dagl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  <a:endParaRPr lang="it-IT" sz="1200" kern="1200" baseline="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f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e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ffianc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ttovalu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mi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a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r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fru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ulner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egu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ste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18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miscu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mporane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 25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marr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tico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martphone e tablet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 31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ulner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ng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ett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t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ioè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o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en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infrastru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vo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 43 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do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egu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ram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imizz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646010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xmlns="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xmlns="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xmlns="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xmlns="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xmlns="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xmlns="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xmlns="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xmlns="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xmlns="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xmlns="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xmlns="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xmlns="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xmlns="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xmlns="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xmlns="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xmlns="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xmlns="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xmlns="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xmlns="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xmlns="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8" Type="http://schemas.microsoft.com/office/2007/relationships/diagramDrawing" Target="../diagrams/drawing5.xml"/><Relationship Id="rId3" Type="http://schemas.openxmlformats.org/officeDocument/2006/relationships/image" Target="../media/image37.jpg"/><Relationship Id="rId7" Type="http://schemas.openxmlformats.org/officeDocument/2006/relationships/diagramColors" Target="../diagrams/colors5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5.xml"/><Relationship Id="rId5" Type="http://schemas.openxmlformats.org/officeDocument/2006/relationships/diagramLayout" Target="../diagrams/layout5.xml"/><Relationship Id="rId10" Type="http://schemas.openxmlformats.org/officeDocument/2006/relationships/image" Target="../media/image42.png"/><Relationship Id="rId4" Type="http://schemas.openxmlformats.org/officeDocument/2006/relationships/diagramData" Target="../diagrams/data5.xml"/><Relationship Id="rId9" Type="http://schemas.openxmlformats.org/officeDocument/2006/relationships/image" Target="../media/image4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6.xml"/><Relationship Id="rId3" Type="http://schemas.openxmlformats.org/officeDocument/2006/relationships/image" Target="../media/image43.jpg"/><Relationship Id="rId7" Type="http://schemas.openxmlformats.org/officeDocument/2006/relationships/diagramQuickStyle" Target="../diagrams/quickStyle6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Relationship Id="rId6" Type="http://schemas.openxmlformats.org/officeDocument/2006/relationships/diagramLayout" Target="../diagrams/layout6.xml"/><Relationship Id="rId5" Type="http://schemas.openxmlformats.org/officeDocument/2006/relationships/diagramData" Target="../diagrams/data6.xml"/><Relationship Id="rId10" Type="http://schemas.openxmlformats.org/officeDocument/2006/relationships/image" Target="../media/image42.png"/><Relationship Id="rId4" Type="http://schemas.openxmlformats.org/officeDocument/2006/relationships/hyperlink" Target="https://unsplash.com/photos/SYTO3xs06fU" TargetMode="External"/><Relationship Id="rId9" Type="http://schemas.microsoft.com/office/2007/relationships/diagramDrawing" Target="../diagrams/drawing6.xml"/></Relationships>
</file>

<file path=ppt/slides/_rels/slide13.xml.rels><?xml version="1.0" encoding="UTF-8" standalone="yes"?>
<Relationships xmlns="http://schemas.openxmlformats.org/package/2006/relationships"><Relationship Id="rId8" Type="http://schemas.microsoft.com/office/2007/relationships/diagramDrawing" Target="../diagrams/drawing7.xml"/><Relationship Id="rId3" Type="http://schemas.openxmlformats.org/officeDocument/2006/relationships/image" Target="../media/image44.jpg"/><Relationship Id="rId7" Type="http://schemas.openxmlformats.org/officeDocument/2006/relationships/diagramColors" Target="../diagrams/colors7.xml"/><Relationship Id="rId12" Type="http://schemas.openxmlformats.org/officeDocument/2006/relationships/image" Target="../media/image4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7.xml"/><Relationship Id="rId11" Type="http://schemas.openxmlformats.org/officeDocument/2006/relationships/image" Target="../media/image47.png"/><Relationship Id="rId5" Type="http://schemas.openxmlformats.org/officeDocument/2006/relationships/diagramLayout" Target="../diagrams/layout7.xml"/><Relationship Id="rId10" Type="http://schemas.openxmlformats.org/officeDocument/2006/relationships/image" Target="../media/image46.png"/><Relationship Id="rId4" Type="http://schemas.openxmlformats.org/officeDocument/2006/relationships/diagramData" Target="../diagrams/data7.xml"/><Relationship Id="rId9" Type="http://schemas.openxmlformats.org/officeDocument/2006/relationships/image" Target="../media/image4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54.jpeg"/><Relationship Id="rId5" Type="http://schemas.openxmlformats.org/officeDocument/2006/relationships/hyperlink" Target="https://unsplash.com/photos/iCxR1u0lHLA" TargetMode="External"/><Relationship Id="rId4" Type="http://schemas.openxmlformats.org/officeDocument/2006/relationships/image" Target="../media/image53.jp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g"/><Relationship Id="rId3" Type="http://schemas.openxmlformats.org/officeDocument/2006/relationships/image" Target="../media/image7.jpg"/><Relationship Id="rId7" Type="http://schemas.openxmlformats.org/officeDocument/2006/relationships/image" Target="../media/image9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.jpg"/><Relationship Id="rId5" Type="http://schemas.openxmlformats.org/officeDocument/2006/relationships/hyperlink" Target="https://unsplash.com/photos/yyMJNPgQ-X8" TargetMode="External"/><Relationship Id="rId4" Type="http://schemas.openxmlformats.org/officeDocument/2006/relationships/hyperlink" Target="https://unsplash.com/photos/CpUgwcQn_SA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image" Target="../media/image11.jpg"/><Relationship Id="rId7" Type="http://schemas.openxmlformats.org/officeDocument/2006/relationships/diagramQuickStyle" Target="../diagrams/quickStyle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image" Target="../media/image12.png"/><Relationship Id="rId9" Type="http://schemas.microsoft.com/office/2007/relationships/diagramDrawing" Target="../diagrams/drawing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3.jp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5.png"/><Relationship Id="rId5" Type="http://schemas.openxmlformats.org/officeDocument/2006/relationships/hyperlink" Target="https://it.freepik.com/vettori-gratuito/sfera-cyber-poligonale-astratta_1534720.htm" TargetMode="External"/><Relationship Id="rId4" Type="http://schemas.openxmlformats.org/officeDocument/2006/relationships/image" Target="../media/image14.jpg"/><Relationship Id="rId9" Type="http://schemas.openxmlformats.org/officeDocument/2006/relationships/image" Target="../media/image1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/Relationships>
</file>

<file path=ppt/slides/_rels/slide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13" Type="http://schemas.microsoft.com/office/2007/relationships/diagramDrawing" Target="../diagrams/drawing3.xml"/><Relationship Id="rId3" Type="http://schemas.openxmlformats.org/officeDocument/2006/relationships/image" Target="../media/image19.jpg"/><Relationship Id="rId7" Type="http://schemas.openxmlformats.org/officeDocument/2006/relationships/diagramColors" Target="../diagrams/colors2.xml"/><Relationship Id="rId12" Type="http://schemas.openxmlformats.org/officeDocument/2006/relationships/diagramColors" Target="../diagrams/colors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2.xml"/><Relationship Id="rId11" Type="http://schemas.openxmlformats.org/officeDocument/2006/relationships/diagramQuickStyle" Target="../diagrams/quickStyle3.xml"/><Relationship Id="rId5" Type="http://schemas.openxmlformats.org/officeDocument/2006/relationships/diagramLayout" Target="../diagrams/layout2.xml"/><Relationship Id="rId10" Type="http://schemas.openxmlformats.org/officeDocument/2006/relationships/diagramLayout" Target="../diagrams/layout3.xml"/><Relationship Id="rId4" Type="http://schemas.openxmlformats.org/officeDocument/2006/relationships/diagramData" Target="../diagrams/data2.xml"/><Relationship Id="rId9" Type="http://schemas.openxmlformats.org/officeDocument/2006/relationships/diagramData" Target="../diagrams/data3.xml"/><Relationship Id="rId1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microsoft.com/office/2007/relationships/diagramDrawing" Target="../diagrams/drawing4.xml"/><Relationship Id="rId3" Type="http://schemas.openxmlformats.org/officeDocument/2006/relationships/image" Target="../media/image21.jpg"/><Relationship Id="rId7" Type="http://schemas.openxmlformats.org/officeDocument/2006/relationships/diagramColors" Target="../diagrams/colors4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4.xml"/><Relationship Id="rId5" Type="http://schemas.openxmlformats.org/officeDocument/2006/relationships/diagramLayout" Target="../diagrams/layout4.xml"/><Relationship Id="rId10" Type="http://schemas.openxmlformats.org/officeDocument/2006/relationships/image" Target="../media/image30.png"/><Relationship Id="rId4" Type="http://schemas.openxmlformats.org/officeDocument/2006/relationships/diagramData" Target="../diagrams/data4.xml"/><Relationship Id="rId9" Type="http://schemas.openxmlformats.org/officeDocument/2006/relationships/image" Target="../media/image2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xmlns="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xmlns="" id="{A0E21B82-D5FE-4693-A1B5-F7CAB16976A4}"/>
              </a:ext>
            </a:extLst>
          </p:cNvPr>
          <p:cNvSpPr/>
          <p:nvPr/>
        </p:nvSpPr>
        <p:spPr>
          <a:xfrm>
            <a:off x="0" y="1501774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xmlns="" id="{B7123CEB-155E-4C7B-8A86-118048044F1A}"/>
              </a:ext>
            </a:extLst>
          </p:cNvPr>
          <p:cNvSpPr/>
          <p:nvPr/>
        </p:nvSpPr>
        <p:spPr>
          <a:xfrm rot="5400000">
            <a:off x="2645898" y="-2346962"/>
            <a:ext cx="2743201" cy="10033236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e forme di </a:t>
            </a:r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prevenzione</a:t>
            </a: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xmlns="" id="{9AC420FA-A18E-4CB2-BAB3-A63E3EC1ED91}"/>
              </a:ext>
            </a:extLst>
          </p:cNvPr>
          <p:cNvCxnSpPr/>
          <p:nvPr/>
        </p:nvCxnSpPr>
        <p:spPr>
          <a:xfrm>
            <a:off x="0" y="3597507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xmlns="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ttangolo 3"/>
          <p:cNvSpPr/>
          <p:nvPr/>
        </p:nvSpPr>
        <p:spPr>
          <a:xfrm>
            <a:off x="209872" y="4144763"/>
            <a:ext cx="8418138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it-IT" sz="2800" b="1" dirty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Vademecum per la sicurezza dei dati aziendali - Parte 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4</a:t>
            </a:r>
            <a:endParaRPr lang="it-IT" sz="28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3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Rifare in grafica stile corso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graphicFrame>
        <p:nvGraphicFramePr>
          <p:cNvPr id="4" name="Tabel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8005996"/>
              </p:ext>
            </p:extLst>
          </p:nvPr>
        </p:nvGraphicFramePr>
        <p:xfrm>
          <a:off x="23140" y="594285"/>
          <a:ext cx="12115240" cy="462885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678557">
                  <a:extLst>
                    <a:ext uri="{9D8B030D-6E8A-4147-A177-3AD203B41FA5}">
                      <a16:colId xmlns:a16="http://schemas.microsoft.com/office/drawing/2014/main" xmlns="" val="769858103"/>
                    </a:ext>
                  </a:extLst>
                </a:gridCol>
                <a:gridCol w="7436683">
                  <a:extLst>
                    <a:ext uri="{9D8B030D-6E8A-4147-A177-3AD203B41FA5}">
                      <a16:colId xmlns:a16="http://schemas.microsoft.com/office/drawing/2014/main" xmlns="" val="2994386436"/>
                    </a:ext>
                  </a:extLst>
                </a:gridCol>
              </a:tblGrid>
              <a:tr h="340868">
                <a:tc gridSpan="2">
                  <a:txBody>
                    <a:bodyPr/>
                    <a:lstStyle/>
                    <a:p>
                      <a:pPr algn="ctr"/>
                      <a:r>
                        <a:rPr lang="it-IT" sz="2000" dirty="0" smtClean="0"/>
                        <a:t>MISURE DI SICUREZZA NELLA GESTIONE DEI DISPOSITIVI MOBILE</a:t>
                      </a:r>
                      <a:endParaRPr lang="it-IT" sz="20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28074484"/>
                  </a:ext>
                </a:extLst>
              </a:tr>
              <a:tr h="996384">
                <a:tc>
                  <a:txBody>
                    <a:bodyPr/>
                    <a:lstStyle/>
                    <a:p>
                      <a:pPr algn="ctr"/>
                      <a:endParaRPr lang="en-US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 SENSIBILIZZAZIONE DEI DIPENDENT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ensibilizz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spensabi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olu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YOD;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ecessar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invol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ment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or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apevol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u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romiss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156358501"/>
                  </a:ext>
                </a:extLst>
              </a:tr>
              <a:tr h="799729">
                <a:tc>
                  <a:txBody>
                    <a:bodyPr/>
                    <a:lstStyle/>
                    <a:p>
                      <a:pPr marL="457200" lvl="1" algn="l" defTabSz="457200" rtl="0" eaLnBrk="1" latinLnBrk="0" hangingPunct="1">
                        <a:lnSpc>
                          <a:spcPct val="300000"/>
                        </a:lnSpc>
                      </a:pPr>
                      <a:r>
                        <a:rPr lang="it-IT" sz="1400" b="1" kern="1200" dirty="0" smtClean="0"/>
                        <a:t>MISURE ORGANIZZATIVE</a:t>
                      </a: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vid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trodot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al BYOD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d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ppatu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ss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du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mi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termi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uo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sponsabil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et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obi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iderand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’amministr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entralizza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tes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ventari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an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ivileg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ss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ors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endParaRPr lang="it-IT" sz="110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534237523"/>
                  </a:ext>
                </a:extLst>
              </a:tr>
              <a:tr h="943943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MINIME DI SICUREZZA</a:t>
                      </a:r>
                      <a:endParaRPr lang="it-IT" sz="1400" b="1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ivileg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ss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ret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mi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YOD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ssword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firewall e softwar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tivrus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/o antimalware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ggior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co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stan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oftware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stall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 patch</a:t>
                      </a: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ackup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golar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a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574983303"/>
                  </a:ext>
                </a:extLst>
              </a:tr>
              <a:tr h="1209307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AGGIUNTIV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ifratu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le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stall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pplic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lizzand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i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softwar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pprov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(whitelist) o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iet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(blacklist)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cnologi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VPN - SSL (Virtual Private Network - Secure Sockets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49178445"/>
                  </a:ext>
                </a:extLst>
              </a:tr>
            </a:tbl>
          </a:graphicData>
        </a:graphic>
      </p:graphicFrame>
      <p:sp>
        <p:nvSpPr>
          <p:cNvPr id="6" name="Rettangolo 5"/>
          <p:cNvSpPr/>
          <p:nvPr/>
        </p:nvSpPr>
        <p:spPr>
          <a:xfrm>
            <a:off x="9971612" y="5800582"/>
            <a:ext cx="19303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defTabSz="914400">
              <a:defRPr/>
            </a:pPr>
            <a:r>
              <a:rPr lang="it-IT" b="1" i="1" dirty="0" smtClean="0"/>
              <a:t>(Fonte: </a:t>
            </a:r>
            <a:r>
              <a:rPr lang="it-IT" b="1" i="1" dirty="0" err="1" smtClean="0"/>
              <a:t>Assintel</a:t>
            </a:r>
            <a:r>
              <a:rPr lang="it-IT" b="1" i="1" dirty="0" smtClean="0"/>
              <a:t>)</a:t>
            </a:r>
            <a:endParaRPr lang="it-IT" b="1" i="1" dirty="0"/>
          </a:p>
        </p:txBody>
      </p:sp>
    </p:spTree>
    <p:extLst>
      <p:ext uri="{BB962C8B-B14F-4D97-AF65-F5344CB8AC3E}">
        <p14:creationId xmlns:p14="http://schemas.microsoft.com/office/powerpoint/2010/main" val="302043452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388420" y="476250"/>
            <a:ext cx="5834060" cy="6381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xmlns="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N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xmlns="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QBpZGqEMsKg</a:t>
            </a:r>
          </a:p>
          <a:p>
            <a:r>
              <a:rPr lang="it-IT" sz="1400" dirty="0" smtClean="0"/>
              <a:t>Pop up</a:t>
            </a:r>
            <a:endParaRPr lang="it-IT" sz="1400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253575" y="512648"/>
            <a:ext cx="64500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36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LAN </a:t>
            </a:r>
            <a:endParaRPr lang="it-IT" sz="36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1" name="CasellaDiTesto 30"/>
          <p:cNvSpPr txBox="1"/>
          <p:nvPr/>
        </p:nvSpPr>
        <p:spPr>
          <a:xfrm>
            <a:off x="379910" y="1222721"/>
            <a:ext cx="441035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 smtClean="0"/>
              <a:t>Componente</a:t>
            </a:r>
            <a:r>
              <a:rPr lang="en-US" sz="2000" dirty="0" smtClean="0"/>
              <a:t> </a:t>
            </a:r>
            <a:r>
              <a:rPr lang="en-US" sz="2000" dirty="0"/>
              <a:t>di rete </a:t>
            </a:r>
            <a:r>
              <a:rPr lang="en-US" sz="2000" dirty="0" err="1"/>
              <a:t>interna</a:t>
            </a:r>
            <a:r>
              <a:rPr lang="en-US" sz="2000" dirty="0"/>
              <a:t> </a:t>
            </a:r>
            <a:r>
              <a:rPr lang="en-US" sz="2000" dirty="0" err="1"/>
              <a:t>alla</a:t>
            </a:r>
            <a:r>
              <a:rPr lang="en-US" sz="2000" dirty="0"/>
              <a:t> </a:t>
            </a:r>
            <a:r>
              <a:rPr lang="en-US" sz="2000" dirty="0" err="1"/>
              <a:t>propria</a:t>
            </a:r>
            <a:r>
              <a:rPr lang="en-US" sz="2000" dirty="0"/>
              <a:t> </a:t>
            </a:r>
            <a:r>
              <a:rPr lang="en-US" sz="2000" dirty="0" err="1"/>
              <a:t>organizzazione</a:t>
            </a:r>
            <a:endParaRPr lang="it-IT" sz="2000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graphicFrame>
        <p:nvGraphicFramePr>
          <p:cNvPr id="3" name="Diagramma 2"/>
          <p:cNvGraphicFramePr/>
          <p:nvPr>
            <p:extLst>
              <p:ext uri="{D42A27DB-BD31-4B8C-83A1-F6EECF244321}">
                <p14:modId xmlns:p14="http://schemas.microsoft.com/office/powerpoint/2010/main" val="612683232"/>
              </p:ext>
            </p:extLst>
          </p:nvPr>
        </p:nvGraphicFramePr>
        <p:xfrm>
          <a:off x="220529" y="2301746"/>
          <a:ext cx="5947363" cy="301632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9" name="Rettangolo arrotondato 28"/>
          <p:cNvSpPr/>
          <p:nvPr/>
        </p:nvSpPr>
        <p:spPr>
          <a:xfrm>
            <a:off x="-501954" y="56015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-550350" y="140379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-360623" y="315500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pic>
        <p:nvPicPr>
          <p:cNvPr id="7170" name="Picture 2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5180" y="725900"/>
            <a:ext cx="1222375" cy="12223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307975" y="5666269"/>
            <a:ext cx="3414717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 smtClean="0"/>
              <a:t>Tecnologie</a:t>
            </a:r>
            <a:r>
              <a:rPr lang="en-US" dirty="0" smtClean="0"/>
              <a:t> di </a:t>
            </a:r>
            <a:r>
              <a:rPr lang="en-US" dirty="0" err="1" smtClean="0"/>
              <a:t>collegamento</a:t>
            </a:r>
            <a:r>
              <a:rPr lang="en-US" dirty="0" smtClean="0"/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Cavi</a:t>
            </a:r>
            <a:r>
              <a:rPr lang="en-US" dirty="0" smtClean="0"/>
              <a:t> Ethern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adio (</a:t>
            </a:r>
            <a:r>
              <a:rPr lang="en-US" dirty="0" err="1" smtClean="0"/>
              <a:t>WiFi</a:t>
            </a:r>
            <a:r>
              <a:rPr lang="en-US" dirty="0" smtClean="0"/>
              <a:t>)</a:t>
            </a:r>
            <a:endParaRPr lang="it-IT" dirty="0"/>
          </a:p>
        </p:txBody>
      </p:sp>
      <p:pic>
        <p:nvPicPr>
          <p:cNvPr id="19" name="Immagine 18">
            <a:extLst>
              <a:ext uri="{FF2B5EF4-FFF2-40B4-BE49-F238E27FC236}">
                <a16:creationId xmlns:a16="http://schemas.microsoft.com/office/drawing/2014/main" xmlns="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0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00400" y="5500356"/>
            <a:ext cx="1255155" cy="1255155"/>
          </a:xfrm>
          <a:prstGeom prst="rect">
            <a:avLst/>
          </a:prstGeom>
        </p:spPr>
      </p:pic>
      <p:sp>
        <p:nvSpPr>
          <p:cNvPr id="26" name="Rettangolo arrotondato 25"/>
          <p:cNvSpPr/>
          <p:nvPr/>
        </p:nvSpPr>
        <p:spPr>
          <a:xfrm>
            <a:off x="5172208" y="51893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-541602" y="612613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2567753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 rot="5400000">
            <a:off x="6783727" y="1449729"/>
            <a:ext cx="6364021" cy="44525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N 2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>
                <a:hlinkClick r:id="rId4"/>
              </a:rPr>
              <a:t>https://</a:t>
            </a:r>
            <a:r>
              <a:rPr lang="it-IT" sz="1400" dirty="0" smtClean="0">
                <a:hlinkClick r:id="rId4"/>
              </a:rPr>
              <a:t>unsplash.com/photos/SYTO3xs06fU</a:t>
            </a:r>
            <a:endParaRPr lang="it-IT" sz="1400" dirty="0" smtClean="0"/>
          </a:p>
          <a:p>
            <a:endParaRPr lang="it-IT" sz="1400" dirty="0"/>
          </a:p>
          <a:p>
            <a:endParaRPr lang="it-IT" sz="1400" dirty="0" smtClean="0"/>
          </a:p>
          <a:p>
            <a:r>
              <a:rPr lang="it-IT" sz="1400" dirty="0" smtClean="0"/>
              <a:t>Pop up</a:t>
            </a:r>
            <a:endParaRPr lang="it-IT" sz="1400" dirty="0"/>
          </a:p>
          <a:p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xmlns="" id="{27186AD6-060E-4A5F-9A0A-AF35D77334FB}"/>
              </a:ext>
            </a:extLst>
          </p:cNvPr>
          <p:cNvSpPr txBox="1"/>
          <p:nvPr/>
        </p:nvSpPr>
        <p:spPr>
          <a:xfrm>
            <a:off x="-462252" y="664105"/>
            <a:ext cx="8515655" cy="9592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he cosa non sottovalutare nella costruzione di una LAN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pPr lvl="0" defTabSz="914400">
              <a:spcBef>
                <a:spcPts val="1000"/>
              </a:spcBef>
              <a:defRPr/>
            </a:pP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-889160" y="610858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aphicFrame>
        <p:nvGraphicFramePr>
          <p:cNvPr id="2" name="Diagramma 1"/>
          <p:cNvGraphicFramePr/>
          <p:nvPr>
            <p:extLst>
              <p:ext uri="{D42A27DB-BD31-4B8C-83A1-F6EECF244321}">
                <p14:modId xmlns:p14="http://schemas.microsoft.com/office/powerpoint/2010/main" val="1163947246"/>
              </p:ext>
            </p:extLst>
          </p:nvPr>
        </p:nvGraphicFramePr>
        <p:xfrm>
          <a:off x="61519" y="1238725"/>
          <a:ext cx="7649608" cy="51132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26" name="Immagine 25">
            <a:extLst>
              <a:ext uri="{FF2B5EF4-FFF2-40B4-BE49-F238E27FC236}">
                <a16:creationId xmlns:a16="http://schemas.microsoft.com/office/drawing/2014/main" xmlns="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11127" y="5921861"/>
            <a:ext cx="942334" cy="942334"/>
          </a:xfrm>
          <a:prstGeom prst="rect">
            <a:avLst/>
          </a:prstGeom>
        </p:spPr>
      </p:pic>
      <p:sp>
        <p:nvSpPr>
          <p:cNvPr id="27" name="Rettangolo arrotondato 26"/>
          <p:cNvSpPr/>
          <p:nvPr/>
        </p:nvSpPr>
        <p:spPr>
          <a:xfrm>
            <a:off x="-693230" y="2975196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6364361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8991" y="3342904"/>
            <a:ext cx="6044559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5991424" cy="370032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dispositivi di memorizzazion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esterni 1/3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xmlns="" id="{B5BD0707-0870-4F01-8A0A-F9DD33BECCF0}"/>
              </a:ext>
            </a:extLst>
          </p:cNvPr>
          <p:cNvSpPr/>
          <p:nvPr/>
        </p:nvSpPr>
        <p:spPr>
          <a:xfrm>
            <a:off x="-3004451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r>
              <a:rPr lang="it-IT" dirty="0">
                <a:latin typeface="Gisha" panose="020B0502040204020203" pitchFamily="34" charset="-79"/>
                <a:cs typeface="Gisha" panose="020B0502040204020203" pitchFamily="34" charset="-79"/>
              </a:rPr>
              <a:t>https://unsplash.com/photos/6cXZnFCd2KQ</a:t>
            </a:r>
          </a:p>
        </p:txBody>
      </p:sp>
      <p:sp>
        <p:nvSpPr>
          <p:cNvPr id="2" name="Rettangolo 1"/>
          <p:cNvSpPr/>
          <p:nvPr/>
        </p:nvSpPr>
        <p:spPr>
          <a:xfrm>
            <a:off x="364046" y="745816"/>
            <a:ext cx="5483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>
                <a:cs typeface="Arial" charset="0"/>
              </a:rPr>
              <a:t>I </a:t>
            </a:r>
            <a:r>
              <a:rPr lang="it-IT" sz="2400" dirty="0" smtClean="0">
                <a:cs typeface="Arial" charset="0"/>
              </a:rPr>
              <a:t>dispositivi di memorizzazione</a:t>
            </a:r>
            <a:endParaRPr lang="it-IT" sz="2400" dirty="0">
              <a:cs typeface="Arial" charset="0"/>
            </a:endParaRPr>
          </a:p>
        </p:txBody>
      </p:sp>
      <p:graphicFrame>
        <p:nvGraphicFramePr>
          <p:cNvPr id="3" name="Diagramma 2"/>
          <p:cNvGraphicFramePr/>
          <p:nvPr>
            <p:extLst>
              <p:ext uri="{D42A27DB-BD31-4B8C-83A1-F6EECF244321}">
                <p14:modId xmlns:p14="http://schemas.microsoft.com/office/powerpoint/2010/main" val="1543201751"/>
              </p:ext>
            </p:extLst>
          </p:nvPr>
        </p:nvGraphicFramePr>
        <p:xfrm>
          <a:off x="5190984" y="994306"/>
          <a:ext cx="5832688" cy="55400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4" name="Freccia in giù 3"/>
          <p:cNvSpPr/>
          <p:nvPr/>
        </p:nvSpPr>
        <p:spPr>
          <a:xfrm>
            <a:off x="1375641" y="1483382"/>
            <a:ext cx="1488558" cy="461065"/>
          </a:xfrm>
          <a:prstGeom prst="down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9" name="Rettangolo 18"/>
          <p:cNvSpPr/>
          <p:nvPr/>
        </p:nvSpPr>
        <p:spPr>
          <a:xfrm>
            <a:off x="326053" y="2312682"/>
            <a:ext cx="548380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Saperli gestire significa proteggere la propria azienda.</a:t>
            </a:r>
            <a:endParaRPr lang="it-IT" sz="2400" dirty="0">
              <a:cs typeface="Arial" charset="0"/>
            </a:endParaRPr>
          </a:p>
        </p:txBody>
      </p:sp>
      <p:sp>
        <p:nvSpPr>
          <p:cNvPr id="5" name="AutoShape 2" descr="Risultati immagini per hard disk icon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pic>
        <p:nvPicPr>
          <p:cNvPr id="8196" name="Picture 4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6184" y="1101803"/>
            <a:ext cx="1227712" cy="1227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98" name="Picture 6" descr="Risultati immagini per pen drive icon"/>
          <p:cNvPicPr>
            <a:picLocks noChangeAspect="1" noChangeArrowheads="1"/>
          </p:cNvPicPr>
          <p:nvPr/>
        </p:nvPicPr>
        <p:blipFill>
          <a:blip r:embed="rId1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0041" y="2256550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00" name="Picture 8" descr="Immagine correlata"/>
          <p:cNvPicPr>
            <a:picLocks noChangeAspect="1" noChangeArrowheads="1"/>
          </p:cNvPicPr>
          <p:nvPr/>
        </p:nvPicPr>
        <p:blipFill>
          <a:blip r:embed="rId11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8023" y="3952539"/>
            <a:ext cx="1140854" cy="114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02" name="Picture 10" descr="Risultati immagini per nas icon"/>
          <p:cNvPicPr>
            <a:picLocks noChangeAspect="1" noChangeArrowheads="1"/>
          </p:cNvPicPr>
          <p:nvPr/>
        </p:nvPicPr>
        <p:blipFill>
          <a:blip r:embed="rId12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85568" y="5390813"/>
            <a:ext cx="1128328" cy="11283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Parentesi graffa chiusa 5"/>
          <p:cNvSpPr/>
          <p:nvPr/>
        </p:nvSpPr>
        <p:spPr>
          <a:xfrm>
            <a:off x="9405181" y="1202701"/>
            <a:ext cx="340962" cy="5123222"/>
          </a:xfrm>
          <a:prstGeom prst="rightBrace">
            <a:avLst/>
          </a:prstGeom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8" name="Rettangolo arrotondato 17"/>
          <p:cNvSpPr/>
          <p:nvPr/>
        </p:nvSpPr>
        <p:spPr>
          <a:xfrm>
            <a:off x="-889160" y="610858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1" name="Rettangolo arrotondato 20"/>
          <p:cNvSpPr/>
          <p:nvPr/>
        </p:nvSpPr>
        <p:spPr>
          <a:xfrm>
            <a:off x="2864199" y="1600872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-535833" y="242644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9019386" y="155785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7" name="CasellaDiTesto 6"/>
          <p:cNvSpPr txBox="1"/>
          <p:nvPr/>
        </p:nvSpPr>
        <p:spPr>
          <a:xfrm>
            <a:off x="9903786" y="3141202"/>
            <a:ext cx="2198038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Porta </a:t>
            </a:r>
            <a:r>
              <a:rPr lang="it-IT" dirty="0" err="1" smtClean="0"/>
              <a:t>usb</a:t>
            </a:r>
            <a:endParaRPr lang="it-IT" dirty="0" smtClean="0"/>
          </a:p>
          <a:p>
            <a:r>
              <a:rPr lang="it-IT" dirty="0" smtClean="0"/>
              <a:t>Cavo </a:t>
            </a:r>
            <a:r>
              <a:rPr lang="it-IT" dirty="0" err="1" smtClean="0"/>
              <a:t>usb</a:t>
            </a:r>
            <a:endParaRPr lang="it-IT" dirty="0" smtClean="0"/>
          </a:p>
          <a:p>
            <a:r>
              <a:rPr lang="it-IT" dirty="0" smtClean="0"/>
              <a:t>Rete locale o LAN</a:t>
            </a:r>
          </a:p>
          <a:p>
            <a:r>
              <a:rPr lang="it-IT" dirty="0" err="1" smtClean="0"/>
              <a:t>WiFi</a:t>
            </a:r>
            <a:endParaRPr lang="it-IT" dirty="0"/>
          </a:p>
        </p:txBody>
      </p:sp>
      <p:sp>
        <p:nvSpPr>
          <p:cNvPr id="8" name="CasellaDiTesto 7"/>
          <p:cNvSpPr txBox="1"/>
          <p:nvPr/>
        </p:nvSpPr>
        <p:spPr>
          <a:xfrm>
            <a:off x="9600163" y="2329515"/>
            <a:ext cx="26228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b="1" dirty="0" smtClean="0"/>
              <a:t>Come si connettono?</a:t>
            </a:r>
            <a:endParaRPr lang="it-IT" b="1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631988" y="640590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26" name="Rettangolo arrotondato 25"/>
          <p:cNvSpPr/>
          <p:nvPr/>
        </p:nvSpPr>
        <p:spPr>
          <a:xfrm>
            <a:off x="10283007" y="4375263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3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10674786" y="1760352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8821917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633325" y="436785"/>
            <a:ext cx="6589155" cy="6421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xmlns="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dispositivi di memorizzazione esterni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xmlns="" id="{B5D6EA2C-C98E-4C7C-9DC4-0DFE4FB8D0AA}"/>
              </a:ext>
            </a:extLst>
          </p:cNvPr>
          <p:cNvSpPr/>
          <p:nvPr/>
        </p:nvSpPr>
        <p:spPr>
          <a:xfrm>
            <a:off x="0" y="423681"/>
            <a:ext cx="5633324" cy="1074800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f-gxmsZlj9c</a:t>
            </a:r>
          </a:p>
        </p:txBody>
      </p:sp>
      <p:sp>
        <p:nvSpPr>
          <p:cNvPr id="12" name="CasellaDiTesto 11"/>
          <p:cNvSpPr txBox="1"/>
          <p:nvPr/>
        </p:nvSpPr>
        <p:spPr>
          <a:xfrm>
            <a:off x="316704" y="504618"/>
            <a:ext cx="531662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AVO USB</a:t>
            </a:r>
            <a:endParaRPr lang="it-IT" sz="4000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9" name="Rettangolo arrotondato 28"/>
          <p:cNvSpPr/>
          <p:nvPr/>
        </p:nvSpPr>
        <p:spPr>
          <a:xfrm>
            <a:off x="-501954" y="56015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8801203" y="218988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-744728" y="5020788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1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-531953" y="209450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9" name="CasellaDiTesto 8"/>
          <p:cNvSpPr txBox="1"/>
          <p:nvPr/>
        </p:nvSpPr>
        <p:spPr>
          <a:xfrm>
            <a:off x="165252" y="2254844"/>
            <a:ext cx="170431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Pen drive</a:t>
            </a:r>
          </a:p>
          <a:p>
            <a:r>
              <a:rPr lang="it-IT" dirty="0" smtClean="0"/>
              <a:t>Memory card</a:t>
            </a:r>
            <a:endParaRPr lang="it-IT" dirty="0"/>
          </a:p>
        </p:txBody>
      </p:sp>
      <p:cxnSp>
        <p:nvCxnSpPr>
          <p:cNvPr id="14" name="Connettore diritto 13"/>
          <p:cNvCxnSpPr/>
          <p:nvPr/>
        </p:nvCxnSpPr>
        <p:spPr>
          <a:xfrm flipV="1">
            <a:off x="1746616" y="1997457"/>
            <a:ext cx="642793" cy="42840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CasellaDiTesto 14"/>
          <p:cNvSpPr txBox="1"/>
          <p:nvPr/>
        </p:nvSpPr>
        <p:spPr>
          <a:xfrm>
            <a:off x="2595595" y="1563303"/>
            <a:ext cx="14157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  <a:endParaRPr lang="it-IT" dirty="0"/>
          </a:p>
        </p:txBody>
      </p:sp>
      <p:cxnSp>
        <p:nvCxnSpPr>
          <p:cNvPr id="28" name="Connettore diritto 27"/>
          <p:cNvCxnSpPr/>
          <p:nvPr/>
        </p:nvCxnSpPr>
        <p:spPr>
          <a:xfrm>
            <a:off x="1777700" y="2701997"/>
            <a:ext cx="750962" cy="11135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CasellaDiTesto 33"/>
          <p:cNvSpPr txBox="1"/>
          <p:nvPr/>
        </p:nvSpPr>
        <p:spPr>
          <a:xfrm>
            <a:off x="2716419" y="2669835"/>
            <a:ext cx="15311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SVANTAGGI</a:t>
            </a:r>
            <a:endParaRPr lang="it-IT" dirty="0"/>
          </a:p>
        </p:txBody>
      </p:sp>
      <p:sp>
        <p:nvSpPr>
          <p:cNvPr id="17" name="CasellaDiTesto 16"/>
          <p:cNvSpPr txBox="1"/>
          <p:nvPr/>
        </p:nvSpPr>
        <p:spPr>
          <a:xfrm>
            <a:off x="2610618" y="1813891"/>
            <a:ext cx="250286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Maneggevolezz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Trasportabilità</a:t>
            </a:r>
            <a:endParaRPr lang="it-IT" sz="1600" dirty="0"/>
          </a:p>
        </p:txBody>
      </p:sp>
      <p:sp>
        <p:nvSpPr>
          <p:cNvPr id="35" name="CasellaDiTesto 34"/>
          <p:cNvSpPr txBox="1"/>
          <p:nvPr/>
        </p:nvSpPr>
        <p:spPr>
          <a:xfrm>
            <a:off x="2610618" y="3005036"/>
            <a:ext cx="3243915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Necessario distacco corretto da pc</a:t>
            </a:r>
            <a:endParaRPr lang="it-IT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Possibilità di urti o cadute</a:t>
            </a:r>
            <a:endParaRPr lang="it-IT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Condivisione dati solo tramite pc</a:t>
            </a:r>
          </a:p>
          <a:p>
            <a:endParaRPr lang="it-IT" sz="1600" dirty="0"/>
          </a:p>
          <a:p>
            <a:endParaRPr lang="it-IT" sz="1600" dirty="0"/>
          </a:p>
        </p:txBody>
      </p:sp>
      <p:sp>
        <p:nvSpPr>
          <p:cNvPr id="36" name="CasellaDiTesto 35"/>
          <p:cNvSpPr txBox="1"/>
          <p:nvPr/>
        </p:nvSpPr>
        <p:spPr>
          <a:xfrm>
            <a:off x="337372" y="5062516"/>
            <a:ext cx="6431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NAS</a:t>
            </a:r>
            <a:endParaRPr lang="it-IT" dirty="0"/>
          </a:p>
        </p:txBody>
      </p:sp>
      <p:cxnSp>
        <p:nvCxnSpPr>
          <p:cNvPr id="37" name="Connettore diritto 36"/>
          <p:cNvCxnSpPr/>
          <p:nvPr/>
        </p:nvCxnSpPr>
        <p:spPr>
          <a:xfrm flipV="1">
            <a:off x="995631" y="4825842"/>
            <a:ext cx="642793" cy="42840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CasellaDiTesto 37"/>
          <p:cNvSpPr txBox="1"/>
          <p:nvPr/>
        </p:nvSpPr>
        <p:spPr>
          <a:xfrm>
            <a:off x="1726388" y="4616705"/>
            <a:ext cx="14157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  <a:endParaRPr lang="it-IT" dirty="0"/>
          </a:p>
        </p:txBody>
      </p:sp>
      <p:sp>
        <p:nvSpPr>
          <p:cNvPr id="39" name="CasellaDiTesto 38"/>
          <p:cNvSpPr txBox="1"/>
          <p:nvPr/>
        </p:nvSpPr>
        <p:spPr>
          <a:xfrm>
            <a:off x="1636077" y="5010567"/>
            <a:ext cx="3819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Utilizzabili come supporti di backup</a:t>
            </a:r>
            <a:endParaRPr lang="it-IT" dirty="0"/>
          </a:p>
        </p:txBody>
      </p:sp>
      <p:sp>
        <p:nvSpPr>
          <p:cNvPr id="40" name="CasellaDiTesto 39"/>
          <p:cNvSpPr txBox="1"/>
          <p:nvPr/>
        </p:nvSpPr>
        <p:spPr>
          <a:xfrm>
            <a:off x="1753441" y="5815770"/>
            <a:ext cx="15311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SVANTAGGI</a:t>
            </a:r>
            <a:endParaRPr lang="it-IT" dirty="0"/>
          </a:p>
        </p:txBody>
      </p:sp>
      <p:cxnSp>
        <p:nvCxnSpPr>
          <p:cNvPr id="41" name="Connettore diritto 40"/>
          <p:cNvCxnSpPr/>
          <p:nvPr/>
        </p:nvCxnSpPr>
        <p:spPr>
          <a:xfrm>
            <a:off x="1057720" y="5387681"/>
            <a:ext cx="442621" cy="42808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CasellaDiTesto 42"/>
          <p:cNvSpPr txBox="1"/>
          <p:nvPr/>
        </p:nvSpPr>
        <p:spPr>
          <a:xfrm>
            <a:off x="1572220" y="6157391"/>
            <a:ext cx="447211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Poca trasportabilit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/>
              <a:t>Condivisione dati solo tramite p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dirty="0"/>
          </a:p>
        </p:txBody>
      </p:sp>
      <p:pic>
        <p:nvPicPr>
          <p:cNvPr id="25" name="Picture 2" descr="Risultati immagini per bicicletta icon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12317" y="1424409"/>
            <a:ext cx="1021008" cy="10210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2983" y="5918052"/>
            <a:ext cx="860269" cy="8602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7" name="Rettangolo arrotondato 46"/>
          <p:cNvSpPr/>
          <p:nvPr/>
        </p:nvSpPr>
        <p:spPr>
          <a:xfrm>
            <a:off x="2961724" y="575709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4118475" y="128538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1551653" y="3227667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10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3164345" y="4574977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2-13</a:t>
            </a:r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3516166" y="5769493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4-16</a:t>
            </a:r>
            <a:endParaRPr lang="it-IT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342131" y="6367261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5</a:t>
            </a:r>
            <a:endParaRPr lang="it-IT" dirty="0"/>
          </a:p>
        </p:txBody>
      </p:sp>
      <p:pic>
        <p:nvPicPr>
          <p:cNvPr id="55" name="Immagine 54">
            <a:extLst>
              <a:ext uri="{FF2B5EF4-FFF2-40B4-BE49-F238E27FC236}">
                <a16:creationId xmlns:a16="http://schemas.microsoft.com/office/drawing/2014/main" xmlns="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72" y="3531615"/>
            <a:ext cx="1255155" cy="12551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18328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3485939"/>
            <a:ext cx="6174691" cy="33333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762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xmlns="" id="{27186AD6-060E-4A5F-9A0A-AF35D77334FB}"/>
              </a:ext>
            </a:extLst>
          </p:cNvPr>
          <p:cNvSpPr txBox="1"/>
          <p:nvPr/>
        </p:nvSpPr>
        <p:spPr>
          <a:xfrm>
            <a:off x="71800" y="716363"/>
            <a:ext cx="58259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en-US" sz="2400" dirty="0" err="1" smtClean="0"/>
              <a:t>Connessione</a:t>
            </a:r>
            <a:r>
              <a:rPr lang="en-US" sz="2400" dirty="0" smtClean="0"/>
              <a:t> </a:t>
            </a:r>
            <a:r>
              <a:rPr lang="en-US" sz="2400" dirty="0" err="1" smtClean="0"/>
              <a:t>wifi</a:t>
            </a:r>
            <a:r>
              <a:rPr lang="en-US" sz="2400" dirty="0" smtClean="0"/>
              <a:t> 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ig data 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285655" y="444814"/>
            <a:ext cx="5906345" cy="3413118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400" dirty="0">
                <a:hlinkClick r:id="rId5"/>
              </a:rPr>
              <a:t>https://</a:t>
            </a:r>
            <a:r>
              <a:rPr lang="it-IT" sz="1400" dirty="0" smtClean="0">
                <a:hlinkClick r:id="rId5"/>
              </a:rPr>
              <a:t>unsplash.com/photos/iCxR1u0lHLA</a:t>
            </a:r>
            <a:endParaRPr lang="it-IT" sz="14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400" dirty="0" smtClean="0"/>
              <a:t>https</a:t>
            </a:r>
            <a:r>
              <a:rPr lang="it-IT" sz="1400" dirty="0"/>
              <a:t>://unsplash.com/photos/X0EtNWqMnq8</a:t>
            </a:r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-776794" y="149099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2" name="Freccia a destra 1"/>
          <p:cNvSpPr/>
          <p:nvPr/>
        </p:nvSpPr>
        <p:spPr>
          <a:xfrm>
            <a:off x="2867288" y="712397"/>
            <a:ext cx="496957" cy="603057"/>
          </a:xfrm>
          <a:prstGeom prst="right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" name="CasellaDiTesto 3"/>
          <p:cNvSpPr txBox="1"/>
          <p:nvPr/>
        </p:nvSpPr>
        <p:spPr>
          <a:xfrm>
            <a:off x="3516996" y="850342"/>
            <a:ext cx="7922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ETERE</a:t>
            </a:r>
            <a:endParaRPr lang="it-IT" dirty="0"/>
          </a:p>
        </p:txBody>
      </p:sp>
      <p:sp>
        <p:nvSpPr>
          <p:cNvPr id="5" name="CasellaDiTesto 4"/>
          <p:cNvSpPr txBox="1"/>
          <p:nvPr/>
        </p:nvSpPr>
        <p:spPr>
          <a:xfrm>
            <a:off x="173885" y="1422372"/>
            <a:ext cx="29530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Tipica dei supporti singoli</a:t>
            </a:r>
            <a:endParaRPr lang="it-IT" dirty="0"/>
          </a:p>
        </p:txBody>
      </p:sp>
      <p:sp>
        <p:nvSpPr>
          <p:cNvPr id="6" name="CasellaDiTesto 5"/>
          <p:cNvSpPr txBox="1"/>
          <p:nvPr/>
        </p:nvSpPr>
        <p:spPr>
          <a:xfrm>
            <a:off x="110964" y="2105777"/>
            <a:ext cx="2882520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</a:p>
          <a:p>
            <a:pPr marL="285750" indent="-285750">
              <a:buFontTx/>
              <a:buChar char="-"/>
            </a:pPr>
            <a:r>
              <a:rPr lang="it-IT" dirty="0" smtClean="0"/>
              <a:t>No cavi</a:t>
            </a:r>
          </a:p>
          <a:p>
            <a:pPr marL="285750" indent="-285750">
              <a:buFontTx/>
              <a:buChar char="-"/>
            </a:pPr>
            <a:r>
              <a:rPr lang="it-IT" dirty="0" smtClean="0"/>
              <a:t>No costi di cablaggio</a:t>
            </a:r>
          </a:p>
        </p:txBody>
      </p:sp>
      <p:sp>
        <p:nvSpPr>
          <p:cNvPr id="26" name="CasellaDiTesto 25"/>
          <p:cNvSpPr txBox="1"/>
          <p:nvPr/>
        </p:nvSpPr>
        <p:spPr>
          <a:xfrm>
            <a:off x="6661574" y="4195024"/>
            <a:ext cx="5217238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/>
              <a:t>SVANTAGGI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Limitato</a:t>
            </a:r>
            <a:r>
              <a:rPr lang="en-US" dirty="0" smtClean="0"/>
              <a:t> </a:t>
            </a:r>
            <a:r>
              <a:rPr lang="en-US" dirty="0"/>
              <a:t>campo di </a:t>
            </a:r>
            <a:r>
              <a:rPr lang="en-US" dirty="0" err="1"/>
              <a:t>copertura</a:t>
            </a:r>
            <a:r>
              <a:rPr lang="en-US" dirty="0"/>
              <a:t> </a:t>
            </a:r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Possibili</a:t>
            </a:r>
            <a:r>
              <a:rPr lang="en-US" dirty="0" smtClean="0"/>
              <a:t> </a:t>
            </a:r>
            <a:r>
              <a:rPr lang="en-US" dirty="0" err="1" smtClean="0"/>
              <a:t>ostacoli</a:t>
            </a:r>
            <a:r>
              <a:rPr lang="en-US" dirty="0" smtClean="0"/>
              <a:t> </a:t>
            </a:r>
            <a:r>
              <a:rPr lang="en-US" dirty="0"/>
              <a:t>o </a:t>
            </a:r>
            <a:r>
              <a:rPr lang="en-US" dirty="0" err="1" smtClean="0"/>
              <a:t>interferenze</a:t>
            </a:r>
            <a:endParaRPr lang="it-IT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Limitata</a:t>
            </a:r>
            <a:r>
              <a:rPr lang="en-US" dirty="0" smtClean="0"/>
              <a:t> </a:t>
            </a:r>
            <a:r>
              <a:rPr lang="en-US" dirty="0" err="1" smtClean="0"/>
              <a:t>velocità</a:t>
            </a:r>
            <a:r>
              <a:rPr lang="en-US" dirty="0" smtClean="0"/>
              <a:t> </a:t>
            </a:r>
            <a:r>
              <a:rPr lang="en-US" dirty="0"/>
              <a:t>di </a:t>
            </a:r>
            <a:r>
              <a:rPr lang="en-US" dirty="0" err="1"/>
              <a:t>accesso</a:t>
            </a:r>
            <a:r>
              <a:rPr lang="en-US" dirty="0"/>
              <a:t> </a:t>
            </a:r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Possibili</a:t>
            </a:r>
            <a:r>
              <a:rPr lang="en-US" dirty="0" smtClean="0"/>
              <a:t> </a:t>
            </a:r>
            <a:r>
              <a:rPr lang="en-US" dirty="0" err="1" smtClean="0"/>
              <a:t>urti</a:t>
            </a:r>
            <a:r>
              <a:rPr lang="en-US" dirty="0" smtClean="0"/>
              <a:t> o </a:t>
            </a:r>
            <a:r>
              <a:rPr lang="en-US" dirty="0" err="1" smtClean="0"/>
              <a:t>cadute</a:t>
            </a:r>
            <a:endParaRPr lang="en-US" dirty="0" smtClean="0"/>
          </a:p>
          <a:p>
            <a:pPr lvl="0"/>
            <a:endParaRPr lang="it-IT" dirty="0" smtClean="0"/>
          </a:p>
        </p:txBody>
      </p:sp>
      <p:sp>
        <p:nvSpPr>
          <p:cNvPr id="30" name="Rettangolo arrotondato 29"/>
          <p:cNvSpPr/>
          <p:nvPr/>
        </p:nvSpPr>
        <p:spPr>
          <a:xfrm>
            <a:off x="4599455" y="77895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3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10676462" y="464050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1181762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xmlns="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5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xmlns="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 algn="just"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Perché è importante usare correttamente la posta elettronica?</a:t>
            </a: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xmlns="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U</a:t>
            </a:r>
            <a:r>
              <a:rPr lang="en-US" dirty="0" smtClean="0"/>
              <a:t>n </a:t>
            </a:r>
            <a:r>
              <a:rPr lang="en-US" dirty="0" err="1"/>
              <a:t>adeguato</a:t>
            </a:r>
            <a:r>
              <a:rPr lang="en-US" dirty="0"/>
              <a:t> </a:t>
            </a:r>
            <a:r>
              <a:rPr lang="en-US" dirty="0" err="1"/>
              <a:t>programma</a:t>
            </a:r>
            <a:r>
              <a:rPr lang="en-US" dirty="0"/>
              <a:t> BYOD </a:t>
            </a:r>
            <a:r>
              <a:rPr lang="en-US" dirty="0" smtClean="0"/>
              <a:t>da </a:t>
            </a:r>
            <a:r>
              <a:rPr lang="en-US" dirty="0" err="1" smtClean="0"/>
              <a:t>quali</a:t>
            </a:r>
            <a:r>
              <a:rPr lang="en-US" dirty="0" smtClean="0"/>
              <a:t> </a:t>
            </a:r>
            <a:r>
              <a:rPr lang="en-US" dirty="0" err="1" smtClean="0"/>
              <a:t>minacce</a:t>
            </a:r>
            <a:r>
              <a:rPr lang="en-US" dirty="0" smtClean="0"/>
              <a:t> </a:t>
            </a:r>
            <a:r>
              <a:rPr lang="en-US" dirty="0" err="1" smtClean="0"/>
              <a:t>difende</a:t>
            </a:r>
            <a:r>
              <a:rPr lang="en-US" dirty="0" smtClean="0"/>
              <a:t>?</a:t>
            </a: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xmlns="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dirty="0" smtClean="0"/>
              <a:t>Nella gestione di una LAN che cosa si intende per approccio </a:t>
            </a:r>
            <a:r>
              <a:rPr lang="en-US" i="1" dirty="0"/>
              <a:t>deny by </a:t>
            </a:r>
            <a:r>
              <a:rPr lang="en-US" i="1" dirty="0" smtClean="0"/>
              <a:t>default?</a:t>
            </a:r>
            <a:endParaRPr lang="it-IT" dirty="0"/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xmlns="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en-US" dirty="0"/>
              <a:t>Dal </a:t>
            </a:r>
            <a:r>
              <a:rPr lang="en-US" dirty="0" err="1"/>
              <a:t>punto</a:t>
            </a:r>
            <a:r>
              <a:rPr lang="en-US" dirty="0"/>
              <a:t> di vista </a:t>
            </a:r>
            <a:r>
              <a:rPr lang="en-US" dirty="0" err="1"/>
              <a:t>della</a:t>
            </a:r>
            <a:r>
              <a:rPr lang="en-US" dirty="0"/>
              <a:t> </a:t>
            </a:r>
            <a:r>
              <a:rPr lang="en-US" dirty="0" err="1" smtClean="0"/>
              <a:t>sicurezza</a:t>
            </a:r>
            <a:r>
              <a:rPr lang="en-US" dirty="0" smtClean="0"/>
              <a:t> </a:t>
            </a:r>
            <a:r>
              <a:rPr lang="en-US" dirty="0" err="1" smtClean="0"/>
              <a:t>perchè</a:t>
            </a:r>
            <a:r>
              <a:rPr lang="en-US" dirty="0" smtClean="0"/>
              <a:t> </a:t>
            </a:r>
            <a:r>
              <a:rPr lang="en-US" dirty="0" err="1" smtClean="0"/>
              <a:t>sono</a:t>
            </a:r>
            <a:r>
              <a:rPr lang="en-US" dirty="0" smtClean="0"/>
              <a:t> </a:t>
            </a:r>
            <a:r>
              <a:rPr lang="en-US" dirty="0" err="1" smtClean="0"/>
              <a:t>preferibili</a:t>
            </a:r>
            <a:r>
              <a:rPr lang="en-US" dirty="0" smtClean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collegamenti</a:t>
            </a:r>
            <a:r>
              <a:rPr lang="en-US" dirty="0"/>
              <a:t> via </a:t>
            </a:r>
            <a:r>
              <a:rPr lang="en-US" dirty="0" err="1"/>
              <a:t>cavo</a:t>
            </a:r>
            <a:r>
              <a:rPr lang="en-US" dirty="0"/>
              <a:t> </a:t>
            </a:r>
            <a:r>
              <a:rPr lang="en-US" dirty="0" smtClean="0"/>
              <a:t>Ethernet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xmlns="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166710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fontScale="92500" lnSpcReduction="1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defRPr/>
            </a:pPr>
            <a:r>
              <a:rPr lang="en-US" dirty="0" smtClean="0"/>
              <a:t>È un </a:t>
            </a:r>
            <a:r>
              <a:rPr lang="en-US" dirty="0" err="1" smtClean="0"/>
              <a:t>un</a:t>
            </a:r>
            <a:r>
              <a:rPr lang="en-US" dirty="0" smtClean="0"/>
              <a:t> </a:t>
            </a:r>
            <a:r>
              <a:rPr lang="en-US" dirty="0" err="1"/>
              <a:t>modo</a:t>
            </a:r>
            <a:r>
              <a:rPr lang="en-US" dirty="0"/>
              <a:t> di </a:t>
            </a:r>
            <a:r>
              <a:rPr lang="en-US" dirty="0" err="1"/>
              <a:t>comunicare</a:t>
            </a:r>
            <a:r>
              <a:rPr lang="en-US" dirty="0"/>
              <a:t> </a:t>
            </a:r>
            <a:r>
              <a:rPr lang="en-US" dirty="0" err="1"/>
              <a:t>apparentemente</a:t>
            </a:r>
            <a:r>
              <a:rPr lang="en-US" dirty="0"/>
              <a:t> </a:t>
            </a:r>
            <a:r>
              <a:rPr lang="en-US" dirty="0" err="1" smtClean="0"/>
              <a:t>elementare</a:t>
            </a:r>
            <a:r>
              <a:rPr lang="en-US" dirty="0" smtClean="0"/>
              <a:t>, </a:t>
            </a:r>
            <a:r>
              <a:rPr lang="en-US" dirty="0" err="1" smtClean="0"/>
              <a:t>proprio</a:t>
            </a:r>
            <a:r>
              <a:rPr lang="en-US" dirty="0" smtClean="0"/>
              <a:t> per </a:t>
            </a:r>
            <a:r>
              <a:rPr lang="en-US" dirty="0" err="1" smtClean="0"/>
              <a:t>questo</a:t>
            </a:r>
            <a:r>
              <a:rPr lang="en-US" dirty="0" smtClean="0"/>
              <a:t> </a:t>
            </a:r>
            <a:r>
              <a:rPr lang="en-US" dirty="0" err="1" smtClean="0"/>
              <a:t>utilizzata</a:t>
            </a:r>
            <a:r>
              <a:rPr lang="en-US" dirty="0" smtClean="0"/>
              <a:t> </a:t>
            </a:r>
            <a:r>
              <a:rPr lang="en-US" dirty="0" err="1" smtClean="0"/>
              <a:t>spesso</a:t>
            </a:r>
            <a:r>
              <a:rPr lang="en-US" dirty="0" smtClean="0"/>
              <a:t> </a:t>
            </a:r>
            <a:r>
              <a:rPr lang="en-US" dirty="0"/>
              <a:t>con “</a:t>
            </a:r>
            <a:r>
              <a:rPr lang="en-US" dirty="0" err="1"/>
              <a:t>disinvoltura</a:t>
            </a:r>
            <a:r>
              <a:rPr lang="en-US" dirty="0"/>
              <a:t>” </a:t>
            </a:r>
            <a:r>
              <a:rPr lang="en-US" dirty="0" err="1"/>
              <a:t>eccessiva</a:t>
            </a:r>
            <a:r>
              <a:rPr lang="en-US" dirty="0"/>
              <a:t> e </a:t>
            </a:r>
            <a:r>
              <a:rPr lang="en-US" dirty="0" err="1"/>
              <a:t>senza</a:t>
            </a:r>
            <a:r>
              <a:rPr lang="en-US" dirty="0"/>
              <a:t> </a:t>
            </a:r>
            <a:r>
              <a:rPr lang="en-US" dirty="0" err="1"/>
              <a:t>badare</a:t>
            </a:r>
            <a:r>
              <a:rPr lang="en-US" dirty="0"/>
              <a:t> </a:t>
            </a:r>
            <a:r>
              <a:rPr lang="en-US" dirty="0" err="1"/>
              <a:t>adeguatamente</a:t>
            </a:r>
            <a:r>
              <a:rPr lang="en-US" dirty="0"/>
              <a:t> </a:t>
            </a:r>
            <a:r>
              <a:rPr lang="en-US" dirty="0" err="1"/>
              <a:t>agli</a:t>
            </a:r>
            <a:r>
              <a:rPr lang="en-US" dirty="0"/>
              <a:t> </a:t>
            </a:r>
            <a:r>
              <a:rPr lang="en-US" dirty="0" err="1"/>
              <a:t>effetti</a:t>
            </a:r>
            <a:r>
              <a:rPr lang="en-US" dirty="0"/>
              <a:t> </a:t>
            </a:r>
            <a:r>
              <a:rPr lang="en-US" dirty="0" err="1"/>
              <a:t>sgraditi</a:t>
            </a:r>
            <a:r>
              <a:rPr lang="en-US" dirty="0"/>
              <a:t> </a:t>
            </a:r>
            <a:r>
              <a:rPr lang="en-US" dirty="0" err="1"/>
              <a:t>ch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comportamenti</a:t>
            </a:r>
            <a:r>
              <a:rPr lang="en-US" dirty="0"/>
              <a:t> non </a:t>
            </a:r>
            <a:r>
              <a:rPr lang="en-US" dirty="0" err="1"/>
              <a:t>corretti</a:t>
            </a:r>
            <a:r>
              <a:rPr lang="en-US" dirty="0"/>
              <a:t> </a:t>
            </a:r>
            <a:r>
              <a:rPr lang="en-US" dirty="0" err="1"/>
              <a:t>comportano</a:t>
            </a:r>
            <a:r>
              <a:rPr lang="en-US" dirty="0"/>
              <a:t>. </a:t>
            </a:r>
            <a:r>
              <a:rPr lang="en-US" dirty="0" err="1"/>
              <a:t>Saperla</a:t>
            </a:r>
            <a:r>
              <a:rPr lang="en-US" dirty="0"/>
              <a:t> </a:t>
            </a:r>
            <a:r>
              <a:rPr lang="en-US" dirty="0" err="1"/>
              <a:t>usare</a:t>
            </a:r>
            <a:r>
              <a:rPr lang="en-US" dirty="0"/>
              <a:t> bene </a:t>
            </a:r>
            <a:r>
              <a:rPr lang="en-US" dirty="0" smtClean="0"/>
              <a:t>è </a:t>
            </a:r>
            <a:r>
              <a:rPr lang="en-US" dirty="0" err="1"/>
              <a:t>quindi</a:t>
            </a:r>
            <a:r>
              <a:rPr lang="en-US" dirty="0"/>
              <a:t> </a:t>
            </a:r>
            <a:r>
              <a:rPr lang="en-US" dirty="0" err="1" smtClean="0"/>
              <a:t>fondamentale</a:t>
            </a:r>
            <a:r>
              <a:rPr lang="en-US" dirty="0" smtClean="0"/>
              <a:t> per </a:t>
            </a:r>
            <a:r>
              <a:rPr lang="it-IT" dirty="0" smtClean="0"/>
              <a:t>proteggersi da attacchi informatici, sia nel lavoro sia nella vita privata.</a:t>
            </a:r>
            <a:endParaRPr lang="it-IT" dirty="0"/>
          </a:p>
          <a:p>
            <a:pPr lvl="0">
              <a:spcBef>
                <a:spcPts val="0"/>
              </a:spcBef>
              <a:defRPr/>
            </a:pPr>
            <a:endParaRPr lang="it-IT" dirty="0"/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xmlns="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307260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r>
              <a:rPr lang="en-US" sz="1200" dirty="0" smtClean="0"/>
              <a:t>Malware: </a:t>
            </a:r>
            <a:r>
              <a:rPr lang="en-US" sz="1200" dirty="0"/>
              <a:t>la </a:t>
            </a:r>
            <a:r>
              <a:rPr lang="en-US" sz="1200" dirty="0" err="1"/>
              <a:t>compromissione</a:t>
            </a:r>
            <a:r>
              <a:rPr lang="en-US" sz="1200" dirty="0"/>
              <a:t> di un </a:t>
            </a:r>
            <a:r>
              <a:rPr lang="en-US" sz="1200" dirty="0" err="1"/>
              <a:t>dispositivo</a:t>
            </a:r>
            <a:r>
              <a:rPr lang="en-US" sz="1200" dirty="0"/>
              <a:t> mobile </a:t>
            </a:r>
            <a:r>
              <a:rPr lang="en-US" sz="1200" dirty="0" err="1"/>
              <a:t>può</a:t>
            </a:r>
            <a:r>
              <a:rPr lang="en-US" sz="1200" dirty="0"/>
              <a:t> </a:t>
            </a:r>
            <a:r>
              <a:rPr lang="en-US" sz="1200" dirty="0" err="1"/>
              <a:t>portare</a:t>
            </a:r>
            <a:r>
              <a:rPr lang="en-US" sz="1200" dirty="0"/>
              <a:t>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perdita</a:t>
            </a:r>
            <a:r>
              <a:rPr lang="en-US" sz="1200" dirty="0"/>
              <a:t>, al </a:t>
            </a:r>
            <a:r>
              <a:rPr lang="en-US" sz="1200" dirty="0" err="1"/>
              <a:t>furto</a:t>
            </a:r>
            <a:r>
              <a:rPr lang="en-US" sz="1200" dirty="0"/>
              <a:t>,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compromissione</a:t>
            </a:r>
            <a:r>
              <a:rPr lang="en-US" sz="1200" dirty="0"/>
              <a:t> o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divulgazione</a:t>
            </a:r>
            <a:r>
              <a:rPr lang="en-US" sz="1200" dirty="0"/>
              <a:t> di </a:t>
            </a:r>
            <a:r>
              <a:rPr lang="en-US" sz="1200" dirty="0" err="1"/>
              <a:t>informazioni</a:t>
            </a:r>
            <a:r>
              <a:rPr lang="en-US" sz="1200" dirty="0"/>
              <a:t> </a:t>
            </a:r>
            <a:r>
              <a:rPr lang="en-US" sz="1200" dirty="0" err="1"/>
              <a:t>confidenziali</a:t>
            </a:r>
            <a:r>
              <a:rPr lang="en-US" sz="1200" dirty="0"/>
              <a:t> (</a:t>
            </a:r>
            <a:r>
              <a:rPr lang="en-US" sz="1200" dirty="0" err="1"/>
              <a:t>personali</a:t>
            </a:r>
            <a:r>
              <a:rPr lang="en-US" sz="1200" dirty="0"/>
              <a:t> o </a:t>
            </a:r>
            <a:r>
              <a:rPr lang="en-US" sz="1200" dirty="0" err="1"/>
              <a:t>aziendali</a:t>
            </a:r>
            <a:r>
              <a:rPr lang="en-US" sz="1200" dirty="0"/>
              <a:t>).</a:t>
            </a:r>
            <a:endParaRPr lang="it-IT" sz="1200" dirty="0"/>
          </a:p>
          <a:p>
            <a:pPr lvl="0"/>
            <a:r>
              <a:rPr lang="en-US" sz="1200" dirty="0"/>
              <a:t>Phishing e </a:t>
            </a:r>
            <a:r>
              <a:rPr lang="en-US" sz="1200" dirty="0" err="1"/>
              <a:t>attacchi</a:t>
            </a:r>
            <a:r>
              <a:rPr lang="en-US" sz="1200" dirty="0"/>
              <a:t> hacker: </a:t>
            </a:r>
            <a:r>
              <a:rPr lang="en-US" sz="1200" dirty="0" err="1"/>
              <a:t>sfruttando</a:t>
            </a:r>
            <a:r>
              <a:rPr lang="en-US" sz="1200" dirty="0"/>
              <a:t> le </a:t>
            </a:r>
            <a:r>
              <a:rPr lang="en-US" sz="1200" dirty="0" err="1"/>
              <a:t>vulnerabilità</a:t>
            </a:r>
            <a:r>
              <a:rPr lang="en-US" sz="1200" dirty="0"/>
              <a:t> legate al </a:t>
            </a:r>
            <a:r>
              <a:rPr lang="en-US" sz="1200" dirty="0" err="1"/>
              <a:t>comportamento</a:t>
            </a:r>
            <a:r>
              <a:rPr lang="en-US" sz="1200" dirty="0"/>
              <a:t> </a:t>
            </a:r>
            <a:r>
              <a:rPr lang="en-US" sz="1200" dirty="0" err="1"/>
              <a:t>umano</a:t>
            </a:r>
            <a:r>
              <a:rPr lang="en-US" sz="1200" dirty="0"/>
              <a:t> o la </a:t>
            </a:r>
            <a:r>
              <a:rPr lang="en-US" sz="1200" dirty="0" err="1"/>
              <a:t>scarsa</a:t>
            </a:r>
            <a:r>
              <a:rPr lang="en-US" sz="1200" dirty="0"/>
              <a:t> </a:t>
            </a:r>
            <a:r>
              <a:rPr lang="en-US" sz="1200" dirty="0" err="1"/>
              <a:t>sicurezza</a:t>
            </a:r>
            <a:r>
              <a:rPr lang="en-US" sz="1200" dirty="0"/>
              <a:t> </a:t>
            </a:r>
            <a:r>
              <a:rPr lang="en-US" sz="1200" dirty="0" err="1"/>
              <a:t>degli</a:t>
            </a:r>
            <a:r>
              <a:rPr lang="en-US" sz="1200" dirty="0"/>
              <a:t> </a:t>
            </a:r>
            <a:r>
              <a:rPr lang="en-US" sz="1200" dirty="0" err="1"/>
              <a:t>ambienti</a:t>
            </a:r>
            <a:r>
              <a:rPr lang="en-US" sz="1200" dirty="0"/>
              <a:t> di </a:t>
            </a:r>
            <a:r>
              <a:rPr lang="en-US" sz="1200" dirty="0" err="1"/>
              <a:t>connessione</a:t>
            </a:r>
            <a:r>
              <a:rPr lang="en-US" sz="1200" dirty="0"/>
              <a:t> </a:t>
            </a:r>
            <a:r>
              <a:rPr lang="en-US" sz="1200" dirty="0" err="1"/>
              <a:t>dei</a:t>
            </a:r>
            <a:r>
              <a:rPr lang="en-US" sz="1200" dirty="0"/>
              <a:t> </a:t>
            </a:r>
            <a:r>
              <a:rPr lang="en-US" sz="1200" dirty="0" err="1"/>
              <a:t>dispositivi</a:t>
            </a:r>
            <a:r>
              <a:rPr lang="en-US" sz="1200" dirty="0"/>
              <a:t> </a:t>
            </a:r>
            <a:r>
              <a:rPr lang="en-US" sz="1200" dirty="0" err="1"/>
              <a:t>mobili</a:t>
            </a:r>
            <a:r>
              <a:rPr lang="en-US" sz="1200" dirty="0"/>
              <a:t> è </a:t>
            </a:r>
            <a:r>
              <a:rPr lang="en-US" sz="1200" dirty="0" err="1"/>
              <a:t>possibile</a:t>
            </a:r>
            <a:r>
              <a:rPr lang="en-US" sz="1200" dirty="0"/>
              <a:t> </a:t>
            </a:r>
            <a:r>
              <a:rPr lang="en-US" sz="1200" dirty="0" err="1"/>
              <a:t>sottrarre</a:t>
            </a:r>
            <a:r>
              <a:rPr lang="en-US" sz="1200" dirty="0"/>
              <a:t> </a:t>
            </a:r>
            <a:r>
              <a:rPr lang="en-US" sz="1200" dirty="0" err="1"/>
              <a:t>informazioni</a:t>
            </a:r>
            <a:r>
              <a:rPr lang="en-US" sz="1200" dirty="0"/>
              <a:t> </a:t>
            </a:r>
            <a:r>
              <a:rPr lang="en-US" sz="1200" dirty="0" err="1" smtClean="0"/>
              <a:t>dai</a:t>
            </a:r>
            <a:r>
              <a:rPr lang="en-US" sz="1200" dirty="0" smtClean="0"/>
              <a:t> </a:t>
            </a:r>
            <a:r>
              <a:rPr lang="en-US" sz="1200" dirty="0" err="1"/>
              <a:t>dispositivi</a:t>
            </a:r>
            <a:r>
              <a:rPr lang="en-US" sz="1200" dirty="0"/>
              <a:t> </a:t>
            </a:r>
            <a:r>
              <a:rPr lang="en-US" sz="1200" dirty="0" err="1"/>
              <a:t>personali</a:t>
            </a:r>
            <a:r>
              <a:rPr lang="en-US" sz="1200" dirty="0"/>
              <a:t>.</a:t>
            </a:r>
            <a:endParaRPr lang="it-IT" sz="1200" dirty="0"/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xmlns="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r>
              <a:rPr lang="en-US" dirty="0" smtClean="0"/>
              <a:t>È </a:t>
            </a:r>
            <a:r>
              <a:rPr lang="en-US" dirty="0" err="1" smtClean="0"/>
              <a:t>l’approccio</a:t>
            </a:r>
            <a:r>
              <a:rPr lang="en-US" dirty="0" smtClean="0"/>
              <a:t> del </a:t>
            </a:r>
            <a:r>
              <a:rPr lang="en-US" dirty="0" err="1" smtClean="0"/>
              <a:t>tipo</a:t>
            </a:r>
            <a:r>
              <a:rPr lang="en-US" dirty="0" smtClean="0"/>
              <a:t> </a:t>
            </a:r>
            <a:r>
              <a:rPr lang="en-US" dirty="0"/>
              <a:t>“è </a:t>
            </a:r>
            <a:r>
              <a:rPr lang="en-US" dirty="0" err="1"/>
              <a:t>vietato</a:t>
            </a:r>
            <a:r>
              <a:rPr lang="en-US" dirty="0"/>
              <a:t> </a:t>
            </a:r>
            <a:r>
              <a:rPr lang="en-US" dirty="0" err="1"/>
              <a:t>ciò</a:t>
            </a:r>
            <a:r>
              <a:rPr lang="en-US" dirty="0"/>
              <a:t> </a:t>
            </a:r>
            <a:r>
              <a:rPr lang="en-US" dirty="0" err="1"/>
              <a:t>che</a:t>
            </a:r>
            <a:r>
              <a:rPr lang="en-US" dirty="0"/>
              <a:t> non è </a:t>
            </a:r>
            <a:r>
              <a:rPr lang="en-US" dirty="0" err="1" smtClean="0"/>
              <a:t>permesso</a:t>
            </a:r>
            <a:r>
              <a:rPr lang="en-US" dirty="0" smtClean="0"/>
              <a:t>”, </a:t>
            </a:r>
            <a:r>
              <a:rPr lang="en-US" dirty="0" err="1" smtClean="0"/>
              <a:t>che</a:t>
            </a:r>
            <a:r>
              <a:rPr lang="en-US" dirty="0" smtClean="0"/>
              <a:t> </a:t>
            </a:r>
            <a:r>
              <a:rPr lang="en-US" dirty="0" err="1" smtClean="0"/>
              <a:t>prevede</a:t>
            </a:r>
            <a:r>
              <a:rPr lang="en-US" dirty="0" smtClean="0"/>
              <a:t> </a:t>
            </a:r>
            <a:r>
              <a:rPr lang="en-US" dirty="0" err="1" smtClean="0"/>
              <a:t>disabilitare</a:t>
            </a:r>
            <a:r>
              <a:rPr lang="en-US" dirty="0" smtClean="0"/>
              <a:t> </a:t>
            </a:r>
            <a:r>
              <a:rPr lang="en-US" dirty="0" err="1"/>
              <a:t>tutto</a:t>
            </a:r>
            <a:r>
              <a:rPr lang="en-US" dirty="0"/>
              <a:t>, </a:t>
            </a:r>
            <a:r>
              <a:rPr lang="en-US" dirty="0" smtClean="0"/>
              <a:t>per poi </a:t>
            </a:r>
            <a:r>
              <a:rPr lang="en-US" dirty="0" err="1"/>
              <a:t>abilitare</a:t>
            </a:r>
            <a:r>
              <a:rPr lang="en-US" dirty="0"/>
              <a:t> </a:t>
            </a:r>
            <a:r>
              <a:rPr lang="en-US" dirty="0" err="1"/>
              <a:t>il</a:t>
            </a:r>
            <a:r>
              <a:rPr lang="en-US" dirty="0"/>
              <a:t> </a:t>
            </a:r>
            <a:r>
              <a:rPr lang="en-US" dirty="0" err="1"/>
              <a:t>necessario</a:t>
            </a:r>
            <a:r>
              <a:rPr lang="en-US" dirty="0"/>
              <a:t> e </a:t>
            </a:r>
            <a:r>
              <a:rPr lang="en-US" dirty="0" err="1"/>
              <a:t>sufficiente</a:t>
            </a:r>
            <a:r>
              <a:rPr lang="en-US" dirty="0" smtClean="0"/>
              <a:t>. </a:t>
            </a:r>
            <a:r>
              <a:rPr lang="en-US" dirty="0" err="1" smtClean="0"/>
              <a:t>Altrimenti</a:t>
            </a:r>
            <a:r>
              <a:rPr lang="en-US" dirty="0" smtClean="0"/>
              <a:t> </a:t>
            </a:r>
            <a:r>
              <a:rPr lang="en-US" dirty="0" err="1" smtClean="0"/>
              <a:t>detto</a:t>
            </a:r>
            <a:r>
              <a:rPr lang="en-US" dirty="0" smtClean="0"/>
              <a:t>, è </a:t>
            </a:r>
            <a:r>
              <a:rPr lang="en-US" smtClean="0"/>
              <a:t>opportuno </a:t>
            </a:r>
            <a:r>
              <a:rPr lang="en-US" dirty="0" err="1" smtClean="0"/>
              <a:t>rendere</a:t>
            </a:r>
            <a:r>
              <a:rPr lang="en-US" dirty="0" smtClean="0"/>
              <a:t> </a:t>
            </a:r>
            <a:r>
              <a:rPr lang="it-IT" dirty="0" err="1" smtClean="0"/>
              <a:t>accedibile</a:t>
            </a:r>
            <a:r>
              <a:rPr lang="it-IT" dirty="0" smtClean="0"/>
              <a:t> </a:t>
            </a:r>
            <a:r>
              <a:rPr lang="it-IT" dirty="0"/>
              <a:t>solo ciò che è espressamente </a:t>
            </a:r>
            <a:r>
              <a:rPr lang="it-IT" dirty="0" smtClean="0"/>
              <a:t>autorizzato</a:t>
            </a:r>
            <a:r>
              <a:rPr lang="it-IT" dirty="0"/>
              <a:t>.</a:t>
            </a:r>
          </a:p>
          <a:p>
            <a:endParaRPr lang="it-IT" dirty="0">
              <a:solidFill>
                <a:schemeClr val="dk1"/>
              </a:solidFill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xmlns="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P</a:t>
            </a:r>
            <a:r>
              <a:rPr lang="en-US" dirty="0" err="1" smtClean="0"/>
              <a:t>erché</a:t>
            </a:r>
            <a:r>
              <a:rPr lang="en-US" dirty="0" smtClean="0"/>
              <a:t> </a:t>
            </a:r>
            <a:r>
              <a:rPr lang="en-US" dirty="0"/>
              <a:t>un </a:t>
            </a:r>
            <a:r>
              <a:rPr lang="en-US" dirty="0" err="1"/>
              <a:t>canale</a:t>
            </a:r>
            <a:r>
              <a:rPr lang="en-US" dirty="0"/>
              <a:t> radio è per </a:t>
            </a:r>
            <a:r>
              <a:rPr lang="en-US" dirty="0" err="1"/>
              <a:t>sua</a:t>
            </a:r>
            <a:r>
              <a:rPr lang="en-US" dirty="0"/>
              <a:t> </a:t>
            </a:r>
            <a:r>
              <a:rPr lang="en-US" dirty="0" err="1"/>
              <a:t>natura</a:t>
            </a:r>
            <a:r>
              <a:rPr lang="en-US" dirty="0"/>
              <a:t> un </a:t>
            </a:r>
            <a:r>
              <a:rPr lang="en-US" dirty="0" err="1"/>
              <a:t>canale</a:t>
            </a:r>
            <a:r>
              <a:rPr lang="en-US" dirty="0"/>
              <a:t> </a:t>
            </a:r>
            <a:r>
              <a:rPr lang="en-US" dirty="0" err="1"/>
              <a:t>aperto</a:t>
            </a:r>
            <a:r>
              <a:rPr lang="en-US" dirty="0"/>
              <a:t>, </a:t>
            </a:r>
            <a:r>
              <a:rPr lang="en-US" dirty="0" err="1"/>
              <a:t>anche</a:t>
            </a:r>
            <a:r>
              <a:rPr lang="en-US" dirty="0"/>
              <a:t> se poi </a:t>
            </a:r>
            <a:r>
              <a:rPr lang="en-US" dirty="0" err="1"/>
              <a:t>proteggibile</a:t>
            </a:r>
            <a:r>
              <a:rPr lang="en-US" dirty="0"/>
              <a:t> in </a:t>
            </a:r>
            <a:r>
              <a:rPr lang="en-US" dirty="0" err="1"/>
              <a:t>vari</a:t>
            </a:r>
            <a:r>
              <a:rPr lang="en-US" dirty="0"/>
              <a:t> </a:t>
            </a:r>
            <a:r>
              <a:rPr lang="en-US" dirty="0" err="1"/>
              <a:t>modi</a:t>
            </a:r>
            <a:r>
              <a:rPr lang="en-US" dirty="0"/>
              <a:t>, ad </a:t>
            </a:r>
            <a:r>
              <a:rPr lang="en-US" dirty="0" err="1"/>
              <a:t>esempio</a:t>
            </a:r>
            <a:r>
              <a:rPr lang="en-US" dirty="0"/>
              <a:t> </a:t>
            </a:r>
            <a:r>
              <a:rPr lang="en-US" dirty="0" err="1"/>
              <a:t>tramite</a:t>
            </a:r>
            <a:r>
              <a:rPr lang="en-US" dirty="0"/>
              <a:t> la </a:t>
            </a:r>
            <a:r>
              <a:rPr lang="en-US" dirty="0" err="1"/>
              <a:t>crittografia</a:t>
            </a:r>
            <a:r>
              <a:rPr lang="en-US" dirty="0"/>
              <a:t>. </a:t>
            </a:r>
            <a:r>
              <a:rPr lang="en-US" dirty="0" smtClean="0"/>
              <a:t>È </a:t>
            </a:r>
            <a:r>
              <a:rPr lang="en-US" dirty="0" err="1" smtClean="0"/>
              <a:t>vero</a:t>
            </a:r>
            <a:r>
              <a:rPr lang="en-US" dirty="0" smtClean="0"/>
              <a:t> </a:t>
            </a:r>
            <a:r>
              <a:rPr lang="en-US" dirty="0" err="1" smtClean="0"/>
              <a:t>anche</a:t>
            </a:r>
            <a:r>
              <a:rPr lang="en-US" dirty="0" smtClean="0"/>
              <a:t> </a:t>
            </a:r>
            <a:r>
              <a:rPr lang="en-US" dirty="0" err="1" smtClean="0"/>
              <a:t>che</a:t>
            </a:r>
            <a:r>
              <a:rPr lang="en-US" dirty="0" smtClean="0"/>
              <a:t> </a:t>
            </a:r>
            <a:r>
              <a:rPr lang="en-US" dirty="0" err="1" smtClean="0"/>
              <a:t>ormai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> </a:t>
            </a:r>
            <a:r>
              <a:rPr lang="en-US" dirty="0" err="1"/>
              <a:t>collegamenti</a:t>
            </a:r>
            <a:r>
              <a:rPr lang="en-US" dirty="0"/>
              <a:t> </a:t>
            </a:r>
            <a:r>
              <a:rPr lang="en-US" dirty="0" err="1"/>
              <a:t>WiFi</a:t>
            </a:r>
            <a:r>
              <a:rPr lang="en-US" dirty="0"/>
              <a:t> </a:t>
            </a:r>
            <a:r>
              <a:rPr lang="en-US" dirty="0" err="1" smtClean="0"/>
              <a:t>sono</a:t>
            </a:r>
            <a:r>
              <a:rPr lang="en-US" dirty="0" smtClean="0"/>
              <a:t> </a:t>
            </a:r>
            <a:r>
              <a:rPr lang="en-US" dirty="0" err="1" smtClean="0"/>
              <a:t>inevitabili</a:t>
            </a:r>
            <a:r>
              <a:rPr lang="en-US" dirty="0"/>
              <a:t>: per </a:t>
            </a:r>
            <a:r>
              <a:rPr lang="en-US" dirty="0" err="1"/>
              <a:t>convenienza</a:t>
            </a:r>
            <a:r>
              <a:rPr lang="en-US" dirty="0"/>
              <a:t> </a:t>
            </a:r>
            <a:r>
              <a:rPr lang="en-US" dirty="0" err="1"/>
              <a:t>economica</a:t>
            </a:r>
            <a:r>
              <a:rPr lang="en-US" dirty="0"/>
              <a:t> e per </a:t>
            </a:r>
            <a:r>
              <a:rPr lang="en-US" dirty="0" err="1"/>
              <a:t>collegar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 </a:t>
            </a:r>
            <a:r>
              <a:rPr lang="en-US" dirty="0" err="1"/>
              <a:t>mobili</a:t>
            </a:r>
            <a:r>
              <a:rPr lang="en-US" dirty="0"/>
              <a:t> come tablet e smartphone </a:t>
            </a:r>
            <a:r>
              <a:rPr lang="en-US" dirty="0" err="1" smtClean="0"/>
              <a:t>sempre</a:t>
            </a:r>
            <a:r>
              <a:rPr lang="en-US" dirty="0" smtClean="0"/>
              <a:t> </a:t>
            </a:r>
            <a:r>
              <a:rPr lang="en-US" dirty="0" err="1" smtClean="0"/>
              <a:t>più</a:t>
            </a:r>
            <a:r>
              <a:rPr lang="en-US" dirty="0" smtClean="0"/>
              <a:t> </a:t>
            </a:r>
            <a:r>
              <a:rPr lang="en-US" dirty="0" err="1" smtClean="0"/>
              <a:t>diffusi</a:t>
            </a:r>
            <a:r>
              <a:rPr lang="en-US" dirty="0" smtClean="0"/>
              <a:t> </a:t>
            </a:r>
            <a:r>
              <a:rPr lang="en-US" dirty="0" err="1" smtClean="0"/>
              <a:t>anche</a:t>
            </a:r>
            <a:r>
              <a:rPr lang="en-US" dirty="0" smtClean="0"/>
              <a:t> in </a:t>
            </a:r>
            <a:r>
              <a:rPr lang="en-US" dirty="0" err="1" smtClean="0"/>
              <a:t>azienda</a:t>
            </a:r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xmlns="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32681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en-US" dirty="0" err="1"/>
              <a:t>L’approccio</a:t>
            </a:r>
            <a:r>
              <a:rPr lang="en-US" dirty="0"/>
              <a:t> BYOD </a:t>
            </a:r>
            <a:r>
              <a:rPr lang="en-US" dirty="0" err="1"/>
              <a:t>prevede</a:t>
            </a:r>
            <a:r>
              <a:rPr lang="en-US" dirty="0"/>
              <a:t>:</a:t>
            </a:r>
            <a:endParaRPr lang="it-IT" dirty="0"/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xmlns="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Portare a casa il pc aziendale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xmlns="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5627" y="295389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xmlns="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761" y="2914556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xmlns="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2393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xmlns="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4329" y="282250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xmlns="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525016" y="3792393"/>
            <a:ext cx="2746766" cy="2113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sz="1600" dirty="0" smtClean="0"/>
              <a:t>Verificare che non ci siano accessi contemporanei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xmlns="" id="{61BB96AD-C654-43EF-886F-9E42B0324C47}"/>
              </a:ext>
            </a:extLst>
          </p:cNvPr>
          <p:cNvSpPr/>
          <p:nvPr/>
        </p:nvSpPr>
        <p:spPr>
          <a:xfrm>
            <a:off x="4898399" y="55029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xmlns="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6531478" y="3898151"/>
            <a:ext cx="2166693" cy="125778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sz="1600" dirty="0" smtClean="0"/>
              <a:t>Accertarsi che la rete sia aperta. </a:t>
            </a: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xmlns="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8907637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en-US" sz="1600" dirty="0" err="1" smtClean="0"/>
              <a:t>Portare</a:t>
            </a:r>
            <a:r>
              <a:rPr lang="en-US" sz="1600" dirty="0" smtClean="0"/>
              <a:t> </a:t>
            </a:r>
            <a:r>
              <a:rPr lang="en-US" sz="1600" dirty="0" err="1"/>
              <a:t>il</a:t>
            </a:r>
            <a:r>
              <a:rPr lang="en-US" sz="1600" dirty="0"/>
              <a:t> </a:t>
            </a:r>
            <a:r>
              <a:rPr lang="en-US" sz="1600" dirty="0" err="1" smtClean="0"/>
              <a:t>proprio</a:t>
            </a:r>
            <a:r>
              <a:rPr lang="en-US" sz="1600" dirty="0" smtClean="0"/>
              <a:t> </a:t>
            </a:r>
            <a:r>
              <a:rPr lang="en-US" sz="1600" dirty="0" err="1" smtClean="0"/>
              <a:t>dispositivo</a:t>
            </a:r>
            <a:r>
              <a:rPr lang="en-US" sz="1600" dirty="0"/>
              <a:t>.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xmlns="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526986"/>
            <a:ext cx="2927229" cy="186832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xmlns="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xmlns="" id="{3D044AC9-C6B6-4F3F-9D7F-A0EEE1C75AD2}"/>
              </a:ext>
            </a:extLst>
          </p:cNvPr>
          <p:cNvSpPr/>
          <p:nvPr/>
        </p:nvSpPr>
        <p:spPr>
          <a:xfrm>
            <a:off x="3086100" y="638349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xmlns="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xmlns="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xmlns="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Quali rischi si nascondono dietro l’uso scorretto della posta elettronica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xmlns="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en-US" sz="1600" dirty="0">
                <a:cs typeface="Arial" charset="0"/>
              </a:rPr>
              <a:t>Come </a:t>
            </a:r>
            <a:r>
              <a:rPr lang="en-US" sz="1600" dirty="0" err="1">
                <a:cs typeface="Arial" charset="0"/>
              </a:rPr>
              <a:t>preservare</a:t>
            </a:r>
            <a:r>
              <a:rPr lang="en-US" sz="1600" dirty="0">
                <a:cs typeface="Arial" charset="0"/>
              </a:rPr>
              <a:t> la </a:t>
            </a:r>
            <a:r>
              <a:rPr lang="en-US" sz="1600" dirty="0" err="1">
                <a:cs typeface="Arial" charset="0"/>
              </a:rPr>
              <a:t>riservatezza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i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ati</a:t>
            </a:r>
            <a:r>
              <a:rPr lang="en-US" sz="1600" dirty="0">
                <a:cs typeface="Arial" charset="0"/>
              </a:rPr>
              <a:t> e la </a:t>
            </a:r>
            <a:r>
              <a:rPr lang="en-US" sz="1600" dirty="0" err="1">
                <a:cs typeface="Arial" charset="0"/>
              </a:rPr>
              <a:t>reputazione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ll'azienda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rivante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all’uso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i</a:t>
            </a:r>
            <a:r>
              <a:rPr lang="en-US" sz="1600" dirty="0">
                <a:cs typeface="Arial" charset="0"/>
              </a:rPr>
              <a:t> social network?</a:t>
            </a:r>
            <a:endParaRPr lang="it-IT" sz="1600" dirty="0">
              <a:cs typeface="Arial" charset="0"/>
            </a:endParaRPr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xmlns="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/>
              <a:t>Come gestire in sicurezza la propria LAN?</a:t>
            </a:r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xmlns="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308717" y="14509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endParaRPr lang="it-IT" sz="1400" dirty="0"/>
          </a:p>
          <a:p>
            <a:pPr marL="342900" indent="-342900">
              <a:buFont typeface="+mj-lt"/>
              <a:buAutoNum type="arabicPeriod"/>
            </a:pPr>
            <a:r>
              <a:rPr lang="it-IT" sz="1400" dirty="0">
                <a:hlinkClick r:id="rId4"/>
              </a:rPr>
              <a:t>https://</a:t>
            </a:r>
            <a:r>
              <a:rPr lang="it-IT" sz="1400" dirty="0" smtClean="0">
                <a:hlinkClick r:id="rId4"/>
              </a:rPr>
              <a:t>unsplash.com/photos/CpUgwcQn_SA</a:t>
            </a:r>
            <a:endParaRPr lang="it-IT" sz="1400" dirty="0" smtClean="0"/>
          </a:p>
          <a:p>
            <a:pPr marL="342900" indent="-342900">
              <a:buFont typeface="+mj-lt"/>
              <a:buAutoNum type="arabicPeriod"/>
            </a:pPr>
            <a:r>
              <a:rPr lang="it-IT" sz="1400" dirty="0" smtClean="0">
                <a:hlinkClick r:id="rId5"/>
              </a:rPr>
              <a:t>https</a:t>
            </a:r>
            <a:r>
              <a:rPr lang="it-IT" sz="1400" dirty="0">
                <a:hlinkClick r:id="rId5"/>
              </a:rPr>
              <a:t>://</a:t>
            </a:r>
            <a:r>
              <a:rPr lang="it-IT" sz="1400" dirty="0" smtClean="0">
                <a:hlinkClick r:id="rId5"/>
              </a:rPr>
              <a:t>unsplash.com/photos/yyMJNPgQ-X8</a:t>
            </a:r>
            <a:endParaRPr lang="it-IT" sz="1400" dirty="0" smtClean="0"/>
          </a:p>
          <a:p>
            <a:pPr marL="342900" indent="-342900">
              <a:buFont typeface="+mj-lt"/>
              <a:buAutoNum type="arabicPeriod"/>
            </a:pPr>
            <a:r>
              <a:rPr lang="it-IT" sz="1400" dirty="0"/>
              <a:t>https://unsplash.com/photos/slWBjTGhREQ</a:t>
            </a:r>
          </a:p>
          <a:p>
            <a:pPr marL="342900" indent="-342900">
              <a:buFont typeface="+mj-lt"/>
              <a:buAutoNum type="arabicPeriod"/>
            </a:pPr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67050" y="511182"/>
            <a:ext cx="3025492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215012" y="9224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153151" y="454497"/>
            <a:ext cx="2971800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243810" y="460835"/>
            <a:ext cx="2948190" cy="19859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792365" y="7158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xmlns="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PC, Smartphone, Tablet e dispositivi di memorizzazione dati: quali indicazioni </a:t>
            </a:r>
            <a:r>
              <a:rPr lang="it-IT" sz="1600" dirty="0" err="1" smtClean="0"/>
              <a:t>Assintel</a:t>
            </a:r>
            <a:r>
              <a:rPr lang="it-IT" sz="1600" dirty="0" smtClean="0"/>
              <a:t> fornisce alle aziende?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xmlns="" id="{D196522F-FD5B-4D98-8E11-918D3F154707}"/>
              </a:ext>
            </a:extLst>
          </p:cNvPr>
          <p:cNvSpPr/>
          <p:nvPr/>
        </p:nvSpPr>
        <p:spPr>
          <a:xfrm>
            <a:off x="17531" y="453591"/>
            <a:ext cx="8212347" cy="2937309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605989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xmlns="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136409" y="-6926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r>
              <a:rPr lang="it-IT" sz="1400" dirty="0"/>
              <a:t>https://unsplash.com/photos/wu_po9Tx16A</a:t>
            </a:r>
          </a:p>
        </p:txBody>
      </p:sp>
      <p:pic>
        <p:nvPicPr>
          <p:cNvPr id="3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573900" y="453590"/>
            <a:ext cx="4654263" cy="64044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AutoShape 4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1" name="AutoShape 6" descr="Immagine correlata"/>
          <p:cNvSpPr>
            <a:spLocks noChangeAspect="1" noChangeArrowheads="1"/>
          </p:cNvSpPr>
          <p:nvPr/>
        </p:nvSpPr>
        <p:spPr bwMode="auto">
          <a:xfrm>
            <a:off x="-183989" y="4248629"/>
            <a:ext cx="59390" cy="593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64" name="Rettangolo arrotondato 63"/>
          <p:cNvSpPr/>
          <p:nvPr/>
        </p:nvSpPr>
        <p:spPr>
          <a:xfrm>
            <a:off x="529778" y="772574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65" name="Rettangolo arrotondato 64"/>
          <p:cNvSpPr/>
          <p:nvPr/>
        </p:nvSpPr>
        <p:spPr>
          <a:xfrm>
            <a:off x="3451545" y="5020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67" name="Rettangolo arrotondato 66"/>
          <p:cNvSpPr/>
          <p:nvPr/>
        </p:nvSpPr>
        <p:spPr>
          <a:xfrm>
            <a:off x="2901726" y="2076253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4" name="Picture 2" descr="Risultati immagini per e-mail icon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53" y="514908"/>
            <a:ext cx="1844712" cy="1844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2512985" y="1004498"/>
            <a:ext cx="487393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Il mezzo </a:t>
            </a:r>
            <a:r>
              <a:rPr lang="en-US" dirty="0"/>
              <a:t>di </a:t>
            </a:r>
            <a:r>
              <a:rPr lang="en-US" dirty="0" err="1"/>
              <a:t>comunicazione</a:t>
            </a:r>
            <a:r>
              <a:rPr lang="en-US" dirty="0"/>
              <a:t>, </a:t>
            </a:r>
            <a:r>
              <a:rPr lang="en-US" dirty="0" err="1"/>
              <a:t>asincrono</a:t>
            </a:r>
            <a:r>
              <a:rPr lang="en-US" dirty="0"/>
              <a:t>, </a:t>
            </a:r>
            <a:r>
              <a:rPr lang="en-US" dirty="0" err="1"/>
              <a:t>più</a:t>
            </a:r>
            <a:r>
              <a:rPr lang="en-US" dirty="0"/>
              <a:t> </a:t>
            </a:r>
            <a:r>
              <a:rPr lang="en-US" dirty="0" err="1" smtClean="0"/>
              <a:t>diffuso</a:t>
            </a:r>
            <a:r>
              <a:rPr lang="en-US" dirty="0" smtClean="0"/>
              <a:t>.</a:t>
            </a:r>
            <a:endParaRPr lang="it-IT" dirty="0"/>
          </a:p>
        </p:txBody>
      </p:sp>
      <p:sp>
        <p:nvSpPr>
          <p:cNvPr id="6" name="Rettangolo 5"/>
          <p:cNvSpPr/>
          <p:nvPr/>
        </p:nvSpPr>
        <p:spPr>
          <a:xfrm>
            <a:off x="494834" y="2630588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 smtClean="0"/>
              <a:t>Ma, se </a:t>
            </a:r>
            <a:r>
              <a:rPr lang="en-US" dirty="0" err="1" smtClean="0"/>
              <a:t>usata</a:t>
            </a:r>
            <a:r>
              <a:rPr lang="en-US" dirty="0" smtClean="0"/>
              <a:t> </a:t>
            </a:r>
            <a:r>
              <a:rPr lang="en-US" dirty="0"/>
              <a:t>con </a:t>
            </a:r>
            <a:r>
              <a:rPr lang="en-US" dirty="0" err="1"/>
              <a:t>eccessiva</a:t>
            </a:r>
            <a:r>
              <a:rPr lang="en-US" dirty="0"/>
              <a:t> </a:t>
            </a:r>
            <a:r>
              <a:rPr lang="en-US" dirty="0" err="1" smtClean="0"/>
              <a:t>disinvoltura</a:t>
            </a:r>
            <a:r>
              <a:rPr lang="en-US" dirty="0" smtClean="0"/>
              <a:t>, </a:t>
            </a:r>
            <a:r>
              <a:rPr lang="en-US" dirty="0" err="1" smtClean="0"/>
              <a:t>si</a:t>
            </a:r>
            <a:r>
              <a:rPr lang="en-US" dirty="0" smtClean="0"/>
              <a:t> </a:t>
            </a:r>
            <a:r>
              <a:rPr lang="en-US" dirty="0" err="1" smtClean="0"/>
              <a:t>va</a:t>
            </a:r>
            <a:r>
              <a:rPr lang="en-US" dirty="0" smtClean="0"/>
              <a:t> </a:t>
            </a:r>
            <a:r>
              <a:rPr lang="en-US" dirty="0" err="1" smtClean="0"/>
              <a:t>incontro</a:t>
            </a:r>
            <a:r>
              <a:rPr lang="en-US" dirty="0" smtClean="0"/>
              <a:t> a </a:t>
            </a:r>
            <a:r>
              <a:rPr lang="en-US" dirty="0" err="1" smtClean="0"/>
              <a:t>dei</a:t>
            </a:r>
            <a:r>
              <a:rPr lang="en-US" dirty="0" smtClean="0"/>
              <a:t> </a:t>
            </a:r>
            <a:r>
              <a:rPr lang="en-US" dirty="0" err="1" smtClean="0"/>
              <a:t>rischi</a:t>
            </a:r>
            <a:r>
              <a:rPr lang="en-US" dirty="0" smtClean="0"/>
              <a:t>!</a:t>
            </a:r>
            <a:endParaRPr lang="it-IT" dirty="0"/>
          </a:p>
        </p:txBody>
      </p:sp>
      <p:sp>
        <p:nvSpPr>
          <p:cNvPr id="7" name="CasellaDiTesto 6"/>
          <p:cNvSpPr txBox="1"/>
          <p:nvPr/>
        </p:nvSpPr>
        <p:spPr>
          <a:xfrm>
            <a:off x="460375" y="2035075"/>
            <a:ext cx="2425664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3200" dirty="0" smtClean="0"/>
              <a:t>È semplice!</a:t>
            </a:r>
            <a:endParaRPr lang="it-IT" sz="3200" dirty="0"/>
          </a:p>
        </p:txBody>
      </p:sp>
      <p:graphicFrame>
        <p:nvGraphicFramePr>
          <p:cNvPr id="9" name="Diagramma 8"/>
          <p:cNvGraphicFramePr/>
          <p:nvPr>
            <p:extLst>
              <p:ext uri="{D42A27DB-BD31-4B8C-83A1-F6EECF244321}">
                <p14:modId xmlns:p14="http://schemas.microsoft.com/office/powerpoint/2010/main" val="304742538"/>
              </p:ext>
            </p:extLst>
          </p:nvPr>
        </p:nvGraphicFramePr>
        <p:xfrm>
          <a:off x="62383" y="3429558"/>
          <a:ext cx="7324535" cy="38319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9" name="Rettangolo arrotondato 28"/>
          <p:cNvSpPr/>
          <p:nvPr/>
        </p:nvSpPr>
        <p:spPr>
          <a:xfrm>
            <a:off x="19134" y="2702544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73" name="Rettangolo arrotondato 72"/>
          <p:cNvSpPr/>
          <p:nvPr/>
        </p:nvSpPr>
        <p:spPr>
          <a:xfrm>
            <a:off x="1113724" y="3580283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3451545" y="3542582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9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6096000" y="3580283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 rot="10800000">
            <a:off x="-6239" y="3311011"/>
            <a:ext cx="6302324" cy="3538020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296085" y="476250"/>
            <a:ext cx="5907480" cy="4288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xmlns="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xmlns="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7651" y="2819220"/>
            <a:ext cx="5884349" cy="403877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1.</a:t>
            </a:r>
            <a:r>
              <a:rPr lang="it-IT" sz="1400" dirty="0"/>
              <a:t> https://unsplash.com/photos/JIL_WDufQzs</a:t>
            </a:r>
            <a:endParaRPr lang="it-IT" sz="1400" dirty="0" smtClean="0"/>
          </a:p>
          <a:p>
            <a:endParaRPr lang="it-IT" sz="1400" dirty="0"/>
          </a:p>
          <a:p>
            <a:r>
              <a:rPr lang="it-IT" sz="1400" dirty="0" smtClean="0"/>
              <a:t>2. </a:t>
            </a:r>
            <a:r>
              <a:rPr lang="it-IT" sz="1400" dirty="0"/>
              <a:t>https://unsplash.com/photos/OiaNDqIRL_4</a:t>
            </a:r>
          </a:p>
        </p:txBody>
      </p:sp>
      <p:sp>
        <p:nvSpPr>
          <p:cNvPr id="3" name="CasellaDiTesto 2"/>
          <p:cNvSpPr txBox="1"/>
          <p:nvPr/>
        </p:nvSpPr>
        <p:spPr>
          <a:xfrm>
            <a:off x="169874" y="651815"/>
            <a:ext cx="5876930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Non è solo tecnologia…</a:t>
            </a:r>
          </a:p>
          <a:p>
            <a:endParaRPr lang="it-IT" sz="2000" b="1" dirty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…ma anche responsabilità dell’essere umano</a:t>
            </a:r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3501168" y="70916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4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8246" y="1904473"/>
            <a:ext cx="1037352" cy="10373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Risultati immagini per email omino icon"/>
          <p:cNvPicPr>
            <a:picLocks noChangeAspect="1" noChangeArrowheads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98775" y="1715756"/>
            <a:ext cx="1604786" cy="16047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Immagine correlata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9369" y="2143237"/>
            <a:ext cx="479533" cy="479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ttangolo 1"/>
          <p:cNvSpPr/>
          <p:nvPr/>
        </p:nvSpPr>
        <p:spPr>
          <a:xfrm>
            <a:off x="6418053" y="3662901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 err="1" smtClean="0"/>
              <a:t>Anche</a:t>
            </a:r>
            <a:r>
              <a:rPr lang="en-US" dirty="0" smtClean="0"/>
              <a:t> </a:t>
            </a:r>
            <a:r>
              <a:rPr lang="en-US" dirty="0" err="1"/>
              <a:t>dietro</a:t>
            </a:r>
            <a:r>
              <a:rPr lang="en-US" dirty="0"/>
              <a:t> </a:t>
            </a:r>
            <a:r>
              <a:rPr lang="en-US" dirty="0" err="1" smtClean="0"/>
              <a:t>l’e</a:t>
            </a:r>
            <a:r>
              <a:rPr lang="en-US" dirty="0" smtClean="0"/>
              <a:t>-mail </a:t>
            </a:r>
            <a:r>
              <a:rPr lang="en-US" dirty="0" err="1" smtClean="0"/>
              <a:t>più</a:t>
            </a:r>
            <a:r>
              <a:rPr lang="en-US" dirty="0" smtClean="0"/>
              <a:t> </a:t>
            </a:r>
            <a:r>
              <a:rPr lang="en-US" dirty="0" err="1" smtClean="0"/>
              <a:t>innocua</a:t>
            </a:r>
            <a:r>
              <a:rPr lang="en-US" dirty="0" smtClean="0"/>
              <a:t> </a:t>
            </a:r>
            <a:r>
              <a:rPr lang="en-US" dirty="0" err="1"/>
              <a:t>possono</a:t>
            </a:r>
            <a:r>
              <a:rPr lang="en-US" dirty="0"/>
              <a:t> </a:t>
            </a:r>
            <a:r>
              <a:rPr lang="en-US" dirty="0" err="1"/>
              <a:t>celarsi</a:t>
            </a:r>
            <a:r>
              <a:rPr lang="en-US" dirty="0"/>
              <a:t> </a:t>
            </a:r>
            <a:r>
              <a:rPr lang="en-US" dirty="0" err="1" smtClean="0"/>
              <a:t>dei</a:t>
            </a:r>
            <a:r>
              <a:rPr lang="en-US" dirty="0" smtClean="0"/>
              <a:t> </a:t>
            </a:r>
            <a:r>
              <a:rPr lang="en-US" dirty="0" err="1" smtClean="0"/>
              <a:t>rischi</a:t>
            </a:r>
            <a:r>
              <a:rPr lang="en-US" dirty="0" smtClean="0"/>
              <a:t>.</a:t>
            </a:r>
            <a:endParaRPr lang="it-IT" dirty="0"/>
          </a:p>
        </p:txBody>
      </p:sp>
      <p:pic>
        <p:nvPicPr>
          <p:cNvPr id="4" name="Picture 8" descr="Risultati immagini per natale icon"/>
          <p:cNvPicPr>
            <a:picLocks noChangeAspect="1" noChangeArrowheads="1"/>
          </p:cNvPicPr>
          <p:nvPr/>
        </p:nvPicPr>
        <p:blipFill>
          <a:blip r:embed="rId9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0434" y="4557118"/>
            <a:ext cx="1827506" cy="182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arrotondato 25"/>
          <p:cNvSpPr/>
          <p:nvPr/>
        </p:nvSpPr>
        <p:spPr>
          <a:xfrm>
            <a:off x="9584166" y="515237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4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3799132" y="483901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8902758" y="63391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375514" y="2012847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3673846" y="1958379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2148631" y="1955888"/>
            <a:ext cx="537110" cy="59671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9277374" y="3123278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7909440" y="5537885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60391264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3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Rifare in grafica stile corso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graphicFrame>
        <p:nvGraphicFramePr>
          <p:cNvPr id="4" name="Tabel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84550891"/>
              </p:ext>
            </p:extLst>
          </p:nvPr>
        </p:nvGraphicFramePr>
        <p:xfrm>
          <a:off x="23140" y="594284"/>
          <a:ext cx="12115240" cy="529195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678557">
                  <a:extLst>
                    <a:ext uri="{9D8B030D-6E8A-4147-A177-3AD203B41FA5}">
                      <a16:colId xmlns:a16="http://schemas.microsoft.com/office/drawing/2014/main" xmlns="" val="769858103"/>
                    </a:ext>
                  </a:extLst>
                </a:gridCol>
                <a:gridCol w="7436683">
                  <a:extLst>
                    <a:ext uri="{9D8B030D-6E8A-4147-A177-3AD203B41FA5}">
                      <a16:colId xmlns:a16="http://schemas.microsoft.com/office/drawing/2014/main" xmlns="" val="2994386436"/>
                    </a:ext>
                  </a:extLst>
                </a:gridCol>
              </a:tblGrid>
              <a:tr h="333310">
                <a:tc gridSpan="2">
                  <a:txBody>
                    <a:bodyPr/>
                    <a:lstStyle/>
                    <a:p>
                      <a:pPr algn="ctr"/>
                      <a:r>
                        <a:rPr lang="it-IT" sz="2000" dirty="0" smtClean="0"/>
                        <a:t>MISURE DISICUREZZA NELLA GESTIONE</a:t>
                      </a:r>
                      <a:r>
                        <a:rPr lang="it-IT" sz="2000" baseline="0" dirty="0" smtClean="0"/>
                        <a:t> DELLA POSTA ELETTRONICA</a:t>
                      </a:r>
                      <a:endParaRPr lang="it-IT" sz="20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28074484"/>
                  </a:ext>
                </a:extLst>
              </a:tr>
              <a:tr h="884552">
                <a:tc>
                  <a:txBody>
                    <a:bodyPr/>
                    <a:lstStyle/>
                    <a:p>
                      <a:pPr algn="ctr"/>
                      <a:endParaRPr lang="en-US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 SENSIBILIZZAZIONE DEI DIPENDENTI</a:t>
                      </a:r>
                    </a:p>
                    <a:p>
                      <a:pPr lvl="1">
                        <a:lnSpc>
                          <a:spcPct val="300000"/>
                        </a:lnSpc>
                      </a:pP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ensibilizz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ndament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;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ecessar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invol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ment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or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apevol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u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romiss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r>
                        <a:rPr lang="it-IT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	</a:t>
                      </a:r>
                    </a:p>
                    <a:p>
                      <a:endParaRPr lang="it-IT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156358501"/>
                  </a:ext>
                </a:extLst>
              </a:tr>
              <a:tr h="923011">
                <a:tc>
                  <a:txBody>
                    <a:bodyPr/>
                    <a:lstStyle/>
                    <a:p>
                      <a:pPr marL="457200" lvl="1" algn="l" defTabSz="457200" rtl="0" eaLnBrk="1" latinLnBrk="0" hangingPunct="1">
                        <a:lnSpc>
                          <a:spcPct val="300000"/>
                        </a:lnSpc>
                      </a:pPr>
                      <a:r>
                        <a:rPr lang="it-IT" sz="1400" b="1" kern="1200" dirty="0" smtClean="0"/>
                        <a:t>MISURE ORGANIZZATIVE</a:t>
                      </a: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d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iar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eguibil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vidu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ssicur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et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form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ternazional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i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i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mail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egnativ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erv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ec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ni</a:t>
                      </a:r>
                      <a:endParaRPr lang="it-IT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534237523"/>
                  </a:ext>
                </a:extLst>
              </a:tr>
              <a:tr h="936419">
                <a:tc>
                  <a:txBody>
                    <a:bodyPr/>
                    <a:lstStyle/>
                    <a:p>
                      <a:pPr lvl="1">
                        <a:lnSpc>
                          <a:spcPct val="300000"/>
                        </a:lnSpc>
                      </a:pPr>
                      <a:endParaRPr lang="it-IT" sz="1100" b="1" u="none" strike="noStrike" kern="1200" baseline="0" dirty="0" smtClean="0"/>
                    </a:p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MINIM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teg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ropr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bbli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l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ambiament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equen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ssword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are backup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equen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firewall e software di mail gateway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deguat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ggior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untualmen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ut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stem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574983303"/>
                  </a:ext>
                </a:extLst>
              </a:tr>
              <a:tr h="1405751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it-IT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AGGIUNTIV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ifr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ie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un mail gateway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voluto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a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strem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ie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i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omi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ispo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torizz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ze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l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link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audolen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49178445"/>
                  </a:ext>
                </a:extLst>
              </a:tr>
            </a:tbl>
          </a:graphicData>
        </a:graphic>
      </p:graphicFrame>
      <p:sp>
        <p:nvSpPr>
          <p:cNvPr id="6" name="Rettangolo 5"/>
          <p:cNvSpPr/>
          <p:nvPr/>
        </p:nvSpPr>
        <p:spPr>
          <a:xfrm>
            <a:off x="9971612" y="5800582"/>
            <a:ext cx="19303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defTabSz="914400">
              <a:defRPr/>
            </a:pPr>
            <a:r>
              <a:rPr lang="it-IT" b="1" i="1" dirty="0" smtClean="0"/>
              <a:t>(Fonte: </a:t>
            </a:r>
            <a:r>
              <a:rPr lang="it-IT" b="1" i="1" dirty="0" err="1" smtClean="0"/>
              <a:t>Assintel</a:t>
            </a:r>
            <a:r>
              <a:rPr lang="it-IT" b="1" i="1" dirty="0" smtClean="0"/>
              <a:t>)</a:t>
            </a:r>
            <a:endParaRPr lang="it-IT" b="1" i="1" dirty="0"/>
          </a:p>
        </p:txBody>
      </p:sp>
    </p:spTree>
    <p:extLst>
      <p:ext uri="{BB962C8B-B14F-4D97-AF65-F5344CB8AC3E}">
        <p14:creationId xmlns:p14="http://schemas.microsoft.com/office/powerpoint/2010/main" val="27555957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magine 2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457" y="2929515"/>
            <a:ext cx="5892727" cy="392848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4391" y="501057"/>
            <a:ext cx="6041298" cy="323148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Social Network</a:t>
            </a: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xmlns="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r>
              <a:rPr lang="it-IT" dirty="0">
                <a:latin typeface="Gisha" panose="020B0502040204020203" pitchFamily="34" charset="-79"/>
                <a:cs typeface="Gisha" panose="020B0502040204020203" pitchFamily="34" charset="-79"/>
              </a:rPr>
              <a:t>https://unsplash.com/photos/ra4vJwxnvAo</a:t>
            </a:r>
          </a:p>
        </p:txBody>
      </p:sp>
      <p:sp>
        <p:nvSpPr>
          <p:cNvPr id="19" name="AutoShape 8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2" name="AutoShape 10" descr="Immagine correlata"/>
          <p:cNvSpPr>
            <a:spLocks noChangeAspect="1" noChangeArrowheads="1"/>
          </p:cNvSpPr>
          <p:nvPr/>
        </p:nvSpPr>
        <p:spPr bwMode="auto">
          <a:xfrm>
            <a:off x="6619358" y="6771391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8" name="Rettangolo arrotondato 37"/>
          <p:cNvSpPr/>
          <p:nvPr/>
        </p:nvSpPr>
        <p:spPr>
          <a:xfrm>
            <a:off x="8467690" y="38497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" name="CasellaDiTesto 1"/>
          <p:cNvSpPr txBox="1"/>
          <p:nvPr/>
        </p:nvSpPr>
        <p:spPr>
          <a:xfrm>
            <a:off x="86735" y="510096"/>
            <a:ext cx="284885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dirty="0"/>
              <a:t>Social Networking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" name="Rettangolo 2"/>
          <p:cNvSpPr/>
          <p:nvPr/>
        </p:nvSpPr>
        <p:spPr>
          <a:xfrm>
            <a:off x="79175" y="1018470"/>
            <a:ext cx="6016825" cy="10576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20000"/>
              </a:lnSpc>
              <a:defRPr/>
            </a:pPr>
            <a:r>
              <a:rPr lang="en-US" dirty="0" err="1"/>
              <a:t>L’utilizzo</a:t>
            </a:r>
            <a:r>
              <a:rPr lang="en-US" dirty="0"/>
              <a:t> non </a:t>
            </a:r>
            <a:r>
              <a:rPr lang="en-US" dirty="0" err="1"/>
              <a:t>corretto</a:t>
            </a:r>
            <a:r>
              <a:rPr lang="en-US" dirty="0"/>
              <a:t> di </a:t>
            </a:r>
            <a:r>
              <a:rPr lang="en-US" dirty="0" err="1"/>
              <a:t>queste</a:t>
            </a:r>
            <a:r>
              <a:rPr lang="en-US" dirty="0"/>
              <a:t> </a:t>
            </a:r>
            <a:r>
              <a:rPr lang="en-US" dirty="0" err="1"/>
              <a:t>piattaforme</a:t>
            </a:r>
            <a:r>
              <a:rPr lang="en-US" dirty="0"/>
              <a:t> da parte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pendenti</a:t>
            </a:r>
            <a:r>
              <a:rPr lang="en-US" dirty="0"/>
              <a:t> </a:t>
            </a:r>
            <a:r>
              <a:rPr lang="en-US" dirty="0" err="1"/>
              <a:t>potrebbe</a:t>
            </a:r>
            <a:r>
              <a:rPr lang="en-US" dirty="0"/>
              <a:t> </a:t>
            </a:r>
            <a:r>
              <a:rPr lang="en-US" dirty="0" err="1"/>
              <a:t>esporre</a:t>
            </a:r>
            <a:r>
              <a:rPr lang="en-US" dirty="0"/>
              <a:t> </a:t>
            </a:r>
            <a:r>
              <a:rPr lang="en-US" dirty="0" err="1"/>
              <a:t>l'azienda</a:t>
            </a:r>
            <a:r>
              <a:rPr lang="en-US" dirty="0"/>
              <a:t> a </a:t>
            </a:r>
            <a:r>
              <a:rPr lang="en-US" dirty="0" err="1"/>
              <a:t>minacce</a:t>
            </a:r>
            <a:r>
              <a:rPr lang="en-US" dirty="0"/>
              <a:t> e a </a:t>
            </a:r>
            <a:r>
              <a:rPr lang="en-US" dirty="0" err="1"/>
              <a:t>danni</a:t>
            </a:r>
            <a:r>
              <a:rPr lang="en-US" dirty="0"/>
              <a:t> </a:t>
            </a:r>
            <a:r>
              <a:rPr lang="en-US" dirty="0" err="1"/>
              <a:t>economici</a:t>
            </a:r>
            <a:r>
              <a:rPr lang="en-US" dirty="0"/>
              <a:t> </a:t>
            </a:r>
            <a:r>
              <a:rPr lang="en-US" dirty="0" err="1"/>
              <a:t>diretti</a:t>
            </a:r>
            <a:r>
              <a:rPr lang="en-US" dirty="0"/>
              <a:t> e/o </a:t>
            </a:r>
            <a:r>
              <a:rPr lang="en-US" dirty="0" err="1"/>
              <a:t>indiretti</a:t>
            </a:r>
            <a:r>
              <a:rPr lang="en-US" dirty="0"/>
              <a:t>.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113175" y="438164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2945113" y="545117"/>
            <a:ext cx="754511" cy="32798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aphicFrame>
        <p:nvGraphicFramePr>
          <p:cNvPr id="9" name="Diagramma 8"/>
          <p:cNvGraphicFramePr/>
          <p:nvPr>
            <p:extLst>
              <p:ext uri="{D42A27DB-BD31-4B8C-83A1-F6EECF244321}">
                <p14:modId xmlns:p14="http://schemas.microsoft.com/office/powerpoint/2010/main" val="3473007772"/>
              </p:ext>
            </p:extLst>
          </p:nvPr>
        </p:nvGraphicFramePr>
        <p:xfrm>
          <a:off x="6510256" y="957528"/>
          <a:ext cx="5212443" cy="1738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52" name="Rettangolo arrotondato 51"/>
          <p:cNvSpPr/>
          <p:nvPr/>
        </p:nvSpPr>
        <p:spPr>
          <a:xfrm>
            <a:off x="-268042" y="246917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sp>
        <p:nvSpPr>
          <p:cNvPr id="4" name="Rettangolo 3"/>
          <p:cNvSpPr/>
          <p:nvPr/>
        </p:nvSpPr>
        <p:spPr>
          <a:xfrm>
            <a:off x="6187672" y="734405"/>
            <a:ext cx="6096000" cy="830997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2400" b="1" dirty="0" smtClean="0"/>
              <a:t>Come </a:t>
            </a:r>
            <a:r>
              <a:rPr lang="en-US" sz="2400" b="1" dirty="0" err="1" smtClean="0"/>
              <a:t>preservare</a:t>
            </a:r>
            <a:r>
              <a:rPr lang="en-US" sz="2400" b="1" dirty="0" smtClean="0"/>
              <a:t> </a:t>
            </a:r>
            <a:r>
              <a:rPr lang="en-US" sz="2400" b="1" dirty="0"/>
              <a:t>la </a:t>
            </a:r>
            <a:r>
              <a:rPr lang="en-US" sz="2400" b="1" dirty="0" err="1"/>
              <a:t>riservatezza</a:t>
            </a:r>
            <a:r>
              <a:rPr lang="en-US" sz="2400" b="1" dirty="0"/>
              <a:t> </a:t>
            </a:r>
            <a:r>
              <a:rPr lang="en-US" sz="2400" b="1" dirty="0" err="1"/>
              <a:t>dei</a:t>
            </a:r>
            <a:r>
              <a:rPr lang="en-US" sz="2400" b="1" dirty="0"/>
              <a:t> </a:t>
            </a:r>
            <a:r>
              <a:rPr lang="en-US" sz="2400" b="1" dirty="0" err="1" smtClean="0"/>
              <a:t>dati</a:t>
            </a:r>
            <a:r>
              <a:rPr lang="en-US" sz="2400" b="1" dirty="0" smtClean="0"/>
              <a:t> e la </a:t>
            </a:r>
            <a:r>
              <a:rPr lang="en-US" sz="2400" b="1" dirty="0" err="1"/>
              <a:t>reputazione</a:t>
            </a:r>
            <a:r>
              <a:rPr lang="en-US" sz="2400" b="1" dirty="0"/>
              <a:t> </a:t>
            </a:r>
            <a:r>
              <a:rPr lang="en-US" sz="2400" b="1" dirty="0" err="1" smtClean="0"/>
              <a:t>dell'azienda</a:t>
            </a:r>
            <a:r>
              <a:rPr lang="en-US" sz="2400" b="1" dirty="0" smtClean="0"/>
              <a:t>?</a:t>
            </a:r>
            <a:endParaRPr lang="it-IT" sz="2400" b="1" dirty="0"/>
          </a:p>
        </p:txBody>
      </p:sp>
      <p:graphicFrame>
        <p:nvGraphicFramePr>
          <p:cNvPr id="7" name="Diagramma 6"/>
          <p:cNvGraphicFramePr/>
          <p:nvPr>
            <p:extLst>
              <p:ext uri="{D42A27DB-BD31-4B8C-83A1-F6EECF244321}">
                <p14:modId xmlns:p14="http://schemas.microsoft.com/office/powerpoint/2010/main" val="200865217"/>
              </p:ext>
            </p:extLst>
          </p:nvPr>
        </p:nvGraphicFramePr>
        <p:xfrm>
          <a:off x="6126139" y="2654555"/>
          <a:ext cx="5837736" cy="52886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8" name="CasellaDiTesto 7"/>
          <p:cNvSpPr txBox="1"/>
          <p:nvPr/>
        </p:nvSpPr>
        <p:spPr>
          <a:xfrm>
            <a:off x="732253" y="2201812"/>
            <a:ext cx="4815742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urto di identit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urto di informazion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Social </a:t>
            </a:r>
            <a:r>
              <a:rPr lang="it-IT" dirty="0" err="1" smtClean="0"/>
              <a:t>engineering</a:t>
            </a:r>
            <a:r>
              <a:rPr lang="it-IT" dirty="0" smtClean="0"/>
              <a:t> e </a:t>
            </a:r>
            <a:r>
              <a:rPr lang="it-IT" dirty="0" err="1" smtClean="0"/>
              <a:t>profilazione</a:t>
            </a:r>
            <a:r>
              <a:rPr lang="it-IT" dirty="0" smtClean="0"/>
              <a:t> utenti</a:t>
            </a:r>
            <a:endParaRPr lang="it-IT" dirty="0"/>
          </a:p>
        </p:txBody>
      </p:sp>
      <p:pic>
        <p:nvPicPr>
          <p:cNvPr id="4098" name="Picture 2" descr="Risultati immagini per notebook icon"/>
          <p:cNvPicPr>
            <a:picLocks noChangeAspect="1" noChangeArrowheads="1"/>
          </p:cNvPicPr>
          <p:nvPr/>
        </p:nvPicPr>
        <p:blipFill>
          <a:blip r:embed="rId14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9924" y="2201812"/>
            <a:ext cx="1466410" cy="14664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9" name="Rettangolo arrotondato 28"/>
          <p:cNvSpPr/>
          <p:nvPr/>
        </p:nvSpPr>
        <p:spPr>
          <a:xfrm>
            <a:off x="-665509" y="1160085"/>
            <a:ext cx="754511" cy="32798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7743053" y="2663478"/>
            <a:ext cx="754511" cy="26603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10725544" y="412895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2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718985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ocumento 1">
            <a:extLst>
              <a:ext uri="{FF2B5EF4-FFF2-40B4-BE49-F238E27FC236}">
                <a16:creationId xmlns:a16="http://schemas.microsoft.com/office/drawing/2014/main" xmlns="" id="{B5D6EA2C-C98E-4C7C-9DC4-0DFE4FB8D0AA}"/>
              </a:ext>
            </a:extLst>
          </p:cNvPr>
          <p:cNvSpPr/>
          <p:nvPr/>
        </p:nvSpPr>
        <p:spPr>
          <a:xfrm>
            <a:off x="0" y="510566"/>
            <a:ext cx="7197695" cy="363137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47700" y="476250"/>
            <a:ext cx="5044300" cy="6381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xmlns="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pc aziendali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pPr algn="r"/>
            <a:r>
              <a:rPr lang="it-IT" sz="1400" dirty="0"/>
              <a:t>https://unsplash.com/photos/vGgn0xLdy8s</a:t>
            </a: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graphicFrame>
        <p:nvGraphicFramePr>
          <p:cNvPr id="17" name="Diagramma 16"/>
          <p:cNvGraphicFramePr/>
          <p:nvPr>
            <p:extLst>
              <p:ext uri="{D42A27DB-BD31-4B8C-83A1-F6EECF244321}">
                <p14:modId xmlns:p14="http://schemas.microsoft.com/office/powerpoint/2010/main" val="2794264995"/>
              </p:ext>
            </p:extLst>
          </p:nvPr>
        </p:nvGraphicFramePr>
        <p:xfrm>
          <a:off x="595786" y="3542244"/>
          <a:ext cx="6062248" cy="31349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16" name="CasellaDiTesto 15"/>
          <p:cNvSpPr txBox="1"/>
          <p:nvPr/>
        </p:nvSpPr>
        <p:spPr>
          <a:xfrm>
            <a:off x="1085451" y="6064118"/>
            <a:ext cx="495360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nventario completo della dotazione 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5" name="Rettangolo arrotondato 44"/>
          <p:cNvSpPr/>
          <p:nvPr/>
        </p:nvSpPr>
        <p:spPr>
          <a:xfrm>
            <a:off x="6311071" y="77231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-261110" y="597295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pic>
        <p:nvPicPr>
          <p:cNvPr id="5122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2952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304039" y="1918854"/>
            <a:ext cx="5602974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 smtClean="0"/>
              <a:t>Come </a:t>
            </a:r>
            <a:r>
              <a:rPr lang="en-US" sz="2000" dirty="0" err="1" smtClean="0"/>
              <a:t>impedire</a:t>
            </a:r>
            <a:r>
              <a:rPr lang="en-US" sz="2000" dirty="0" smtClean="0"/>
              <a:t> </a:t>
            </a:r>
            <a:r>
              <a:rPr lang="en-US" sz="2000" dirty="0" err="1" smtClean="0"/>
              <a:t>intrusioni</a:t>
            </a:r>
            <a:r>
              <a:rPr lang="en-US" sz="2000" dirty="0" smtClean="0"/>
              <a:t>, </a:t>
            </a:r>
            <a:r>
              <a:rPr lang="en-US" sz="2000" dirty="0" err="1" smtClean="0"/>
              <a:t>sottrazioni</a:t>
            </a:r>
            <a:r>
              <a:rPr lang="en-US" sz="2000" dirty="0" smtClean="0"/>
              <a:t>, </a:t>
            </a:r>
            <a:r>
              <a:rPr lang="en-US" sz="2000" dirty="0" err="1" smtClean="0"/>
              <a:t>manipolazioni</a:t>
            </a:r>
            <a:r>
              <a:rPr lang="en-US" sz="2000" dirty="0" smtClean="0"/>
              <a:t>, </a:t>
            </a:r>
            <a:r>
              <a:rPr lang="en-US" sz="2000" dirty="0" err="1" smtClean="0"/>
              <a:t>distruzioni</a:t>
            </a:r>
            <a:r>
              <a:rPr lang="en-US" sz="2000" dirty="0" smtClean="0"/>
              <a:t> </a:t>
            </a:r>
            <a:r>
              <a:rPr lang="en-US" sz="2000" dirty="0" err="1" smtClean="0"/>
              <a:t>dei</a:t>
            </a:r>
            <a:r>
              <a:rPr lang="en-US" sz="2000" dirty="0" smtClean="0"/>
              <a:t> </a:t>
            </a:r>
            <a:r>
              <a:rPr lang="en-US" sz="2000" dirty="0" err="1" smtClean="0"/>
              <a:t>dati</a:t>
            </a:r>
            <a:r>
              <a:rPr lang="en-US" sz="2000" dirty="0" smtClean="0"/>
              <a:t> </a:t>
            </a:r>
            <a:r>
              <a:rPr lang="en-US" sz="2000" dirty="0" err="1" smtClean="0"/>
              <a:t>aziendali</a:t>
            </a:r>
            <a:r>
              <a:rPr lang="en-US" sz="2000" dirty="0" smtClean="0"/>
              <a:t>?</a:t>
            </a:r>
          </a:p>
        </p:txBody>
      </p:sp>
      <p:sp>
        <p:nvSpPr>
          <p:cNvPr id="9" name="AutoShape 4" descr="Risultati immagini per list icon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1" name="AutoShape 6" descr="Risultati immagini per list icon"/>
          <p:cNvSpPr>
            <a:spLocks noChangeAspect="1" noChangeArrowheads="1"/>
          </p:cNvSpPr>
          <p:nvPr/>
        </p:nvSpPr>
        <p:spPr bwMode="auto">
          <a:xfrm>
            <a:off x="460375" y="1603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2" name="AutoShape 10" descr="Immagine correlata"/>
          <p:cNvSpPr>
            <a:spLocks noChangeAspect="1" noChangeArrowheads="1"/>
          </p:cNvSpPr>
          <p:nvPr/>
        </p:nvSpPr>
        <p:spPr bwMode="auto">
          <a:xfrm>
            <a:off x="612775" y="3127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pic>
        <p:nvPicPr>
          <p:cNvPr id="34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96717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2" descr="Risultati immagini per icona pc"/>
          <p:cNvPicPr>
            <a:picLocks noChangeAspect="1" noChangeArrowheads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3107" y="510266"/>
            <a:ext cx="1151620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6893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04490" y="514890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8906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9" name="Rettangolo arrotondato 38"/>
          <p:cNvSpPr/>
          <p:nvPr/>
        </p:nvSpPr>
        <p:spPr>
          <a:xfrm>
            <a:off x="4988361" y="174095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3081958" y="635943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3039743" y="333176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10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xmlns="" id="{8AA135C1-60F5-41E3-BC26-F98C1F4A1A9A}"/>
              </a:ext>
            </a:extLst>
          </p:cNvPr>
          <p:cNvSpPr/>
          <p:nvPr/>
        </p:nvSpPr>
        <p:spPr>
          <a:xfrm>
            <a:off x="15250" y="3379500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xmlns="" id="{D196522F-FD5B-4D98-8E11-918D3F154707}"/>
              </a:ext>
            </a:extLst>
          </p:cNvPr>
          <p:cNvSpPr/>
          <p:nvPr/>
        </p:nvSpPr>
        <p:spPr>
          <a:xfrm>
            <a:off x="-15240" y="459446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790989" y="459446"/>
            <a:ext cx="4409326" cy="63985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687350" y="-53813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HbyYFFokvm0</a:t>
            </a:r>
          </a:p>
        </p:txBody>
      </p:sp>
      <p:sp>
        <p:nvSpPr>
          <p:cNvPr id="41" name="Goccia 40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08812" y="4211718"/>
            <a:ext cx="263725" cy="282593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sz="2400"/>
          </a:p>
        </p:txBody>
      </p:sp>
      <p:sp>
        <p:nvSpPr>
          <p:cNvPr id="31" name="CasellaDiTesto 30">
            <a:extLst>
              <a:ext uri="{FF2B5EF4-FFF2-40B4-BE49-F238E27FC236}">
                <a16:creationId xmlns:a16="http://schemas.microsoft.com/office/drawing/2014/main" xmlns="" id="{27186AD6-060E-4A5F-9A0A-AF35D77334FB}"/>
              </a:ext>
            </a:extLst>
          </p:cNvPr>
          <p:cNvSpPr txBox="1"/>
          <p:nvPr/>
        </p:nvSpPr>
        <p:spPr>
          <a:xfrm>
            <a:off x="840860" y="4315745"/>
            <a:ext cx="54987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BYOD</a:t>
            </a:r>
          </a:p>
        </p:txBody>
      </p:sp>
      <p:sp>
        <p:nvSpPr>
          <p:cNvPr id="9" name="CasellaDiTesto 8"/>
          <p:cNvSpPr txBox="1"/>
          <p:nvPr/>
        </p:nvSpPr>
        <p:spPr>
          <a:xfrm>
            <a:off x="4049240" y="4089562"/>
            <a:ext cx="2850460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dirty="0" smtClean="0"/>
              <a:t>- costi</a:t>
            </a:r>
          </a:p>
          <a:p>
            <a:r>
              <a:rPr lang="it-IT" sz="2800" dirty="0" smtClean="0"/>
              <a:t>+ produttività</a:t>
            </a:r>
          </a:p>
          <a:p>
            <a:r>
              <a:rPr lang="it-IT" sz="2800" dirty="0" smtClean="0"/>
              <a:t>+ innovazione</a:t>
            </a:r>
          </a:p>
          <a:p>
            <a:r>
              <a:rPr lang="it-IT" sz="2800" dirty="0" smtClean="0"/>
              <a:t>+ flessibilità</a:t>
            </a:r>
          </a:p>
          <a:p>
            <a:r>
              <a:rPr lang="it-IT" sz="2800" dirty="0" smtClean="0"/>
              <a:t>+ soddisfazione</a:t>
            </a:r>
            <a:endParaRPr lang="it-IT" sz="2800" dirty="0"/>
          </a:p>
        </p:txBody>
      </p:sp>
      <p:sp>
        <p:nvSpPr>
          <p:cNvPr id="43" name="Goccia 42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17767" y="4655280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-223509" y="573878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23" name="AutoShape 4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53" name="Goccia 52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32706" y="5070426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5" name="Rettangolo arrotondato 54"/>
          <p:cNvSpPr/>
          <p:nvPr/>
        </p:nvSpPr>
        <p:spPr>
          <a:xfrm>
            <a:off x="1207276" y="63382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3</a:t>
            </a:r>
            <a:endParaRPr lang="it-IT" dirty="0"/>
          </a:p>
        </p:txBody>
      </p:sp>
      <p:sp>
        <p:nvSpPr>
          <p:cNvPr id="56" name="Rettangolo arrotondato 55"/>
          <p:cNvSpPr/>
          <p:nvPr/>
        </p:nvSpPr>
        <p:spPr>
          <a:xfrm>
            <a:off x="6349726" y="567459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3</a:t>
            </a:r>
            <a:endParaRPr lang="it-IT" dirty="0"/>
          </a:p>
        </p:txBody>
      </p:sp>
      <p:pic>
        <p:nvPicPr>
          <p:cNvPr id="3" name="Immagine 2"/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9247" y="1347747"/>
            <a:ext cx="1159885" cy="1159885"/>
          </a:xfrm>
          <a:prstGeom prst="rect">
            <a:avLst/>
          </a:prstGeom>
        </p:spPr>
      </p:pic>
      <p:pic>
        <p:nvPicPr>
          <p:cNvPr id="5" name="Immagine 4"/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0310" y="814064"/>
            <a:ext cx="1233995" cy="1233995"/>
          </a:xfrm>
          <a:prstGeom prst="rect">
            <a:avLst/>
          </a:prstGeom>
        </p:spPr>
      </p:pic>
      <p:pic>
        <p:nvPicPr>
          <p:cNvPr id="7" name="Immagine 6"/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79" y="767116"/>
            <a:ext cx="1327893" cy="1327893"/>
          </a:xfrm>
          <a:prstGeom prst="rect">
            <a:avLst/>
          </a:prstGeom>
        </p:spPr>
      </p:pic>
      <p:sp>
        <p:nvSpPr>
          <p:cNvPr id="8" name="CasellaDiTesto 7"/>
          <p:cNvSpPr txBox="1"/>
          <p:nvPr/>
        </p:nvSpPr>
        <p:spPr>
          <a:xfrm>
            <a:off x="3836660" y="1092272"/>
            <a:ext cx="382348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avoriscono la condivisi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acilitano gli scambi lavorativi</a:t>
            </a:r>
            <a:endParaRPr lang="it-IT" dirty="0"/>
          </a:p>
        </p:txBody>
      </p:sp>
      <p:sp>
        <p:nvSpPr>
          <p:cNvPr id="11" name="Freccia in giù 10"/>
          <p:cNvSpPr/>
          <p:nvPr/>
        </p:nvSpPr>
        <p:spPr>
          <a:xfrm>
            <a:off x="2491357" y="2325354"/>
            <a:ext cx="2245895" cy="449685"/>
          </a:xfrm>
          <a:prstGeom prst="down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6" name="Rettangolo 15"/>
          <p:cNvSpPr/>
          <p:nvPr/>
        </p:nvSpPr>
        <p:spPr>
          <a:xfrm>
            <a:off x="164799" y="2934423"/>
            <a:ext cx="749534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Ma </a:t>
            </a:r>
            <a:r>
              <a:rPr lang="en-US" dirty="0" err="1"/>
              <a:t>sono</a:t>
            </a:r>
            <a:r>
              <a:rPr lang="en-US" dirty="0"/>
              <a:t> a </a:t>
            </a:r>
            <a:r>
              <a:rPr lang="en-US" dirty="0" err="1"/>
              <a:t>tutti</a:t>
            </a:r>
            <a:r>
              <a:rPr lang="en-US" dirty="0"/>
              <a:t> </a:t>
            </a:r>
            <a:r>
              <a:rPr lang="en-US" dirty="0" err="1"/>
              <a:t>gli</a:t>
            </a:r>
            <a:r>
              <a:rPr lang="en-US" dirty="0"/>
              <a:t> </a:t>
            </a:r>
            <a:r>
              <a:rPr lang="en-US" dirty="0" err="1"/>
              <a:t>effetti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computer, </a:t>
            </a:r>
            <a:r>
              <a:rPr lang="en-US" dirty="0" err="1" smtClean="0"/>
              <a:t>soggetti</a:t>
            </a:r>
            <a:r>
              <a:rPr lang="en-US" dirty="0" smtClean="0"/>
              <a:t> </a:t>
            </a:r>
            <a:r>
              <a:rPr lang="en-US" dirty="0" err="1" smtClean="0"/>
              <a:t>alle</a:t>
            </a:r>
            <a:r>
              <a:rPr lang="en-US" dirty="0" smtClean="0"/>
              <a:t> </a:t>
            </a:r>
            <a:r>
              <a:rPr lang="en-US" dirty="0" err="1"/>
              <a:t>problematiche</a:t>
            </a:r>
            <a:r>
              <a:rPr lang="en-US" dirty="0"/>
              <a:t> di </a:t>
            </a:r>
            <a:r>
              <a:rPr lang="en-US" dirty="0" err="1"/>
              <a:t>sicurezza</a:t>
            </a:r>
            <a:r>
              <a:rPr lang="en-US" dirty="0"/>
              <a:t> </a:t>
            </a:r>
            <a:r>
              <a:rPr lang="en-US" dirty="0" err="1"/>
              <a:t>informatica</a:t>
            </a:r>
            <a:r>
              <a:rPr lang="en-US" dirty="0"/>
              <a:t>.</a:t>
            </a:r>
            <a:endParaRPr lang="it-IT" dirty="0"/>
          </a:p>
        </p:txBody>
      </p:sp>
      <p:sp>
        <p:nvSpPr>
          <p:cNvPr id="18" name="Rettangolo 17"/>
          <p:cNvSpPr/>
          <p:nvPr/>
        </p:nvSpPr>
        <p:spPr>
          <a:xfrm>
            <a:off x="354950" y="4859428"/>
            <a:ext cx="281359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i="1" dirty="0"/>
              <a:t>Bring Your Own Device </a:t>
            </a:r>
            <a:endParaRPr lang="it-IT" i="1" dirty="0"/>
          </a:p>
        </p:txBody>
      </p:sp>
      <p:sp>
        <p:nvSpPr>
          <p:cNvPr id="44" name="Goccia 43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42687" y="549140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1" name="Goccia 50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66756" y="5934475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6" name="CasellaDiTesto 25"/>
          <p:cNvSpPr txBox="1"/>
          <p:nvPr/>
        </p:nvSpPr>
        <p:spPr>
          <a:xfrm>
            <a:off x="840860" y="5646023"/>
            <a:ext cx="1880643" cy="58477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r>
              <a:rPr lang="it-IT" sz="3200" dirty="0" smtClean="0"/>
              <a:t>BENEFICI</a:t>
            </a:r>
            <a:endParaRPr lang="it-IT" sz="3200" dirty="0"/>
          </a:p>
        </p:txBody>
      </p:sp>
      <p:sp>
        <p:nvSpPr>
          <p:cNvPr id="57" name="Rettangolo arrotondato 56"/>
          <p:cNvSpPr/>
          <p:nvPr/>
        </p:nvSpPr>
        <p:spPr>
          <a:xfrm>
            <a:off x="4937886" y="59248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58" name="Rettangolo arrotondato 57"/>
          <p:cNvSpPr/>
          <p:nvPr/>
        </p:nvSpPr>
        <p:spPr>
          <a:xfrm>
            <a:off x="3629515" y="226688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59" name="Rettangolo arrotondato 58"/>
          <p:cNvSpPr/>
          <p:nvPr/>
        </p:nvSpPr>
        <p:spPr>
          <a:xfrm>
            <a:off x="-649579" y="300153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60" name="Rettangolo arrotondato 59"/>
          <p:cNvSpPr/>
          <p:nvPr/>
        </p:nvSpPr>
        <p:spPr>
          <a:xfrm>
            <a:off x="-231897" y="435301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656060" y="516333"/>
            <a:ext cx="5535940" cy="6341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Documento 4"/>
          <p:cNvSpPr/>
          <p:nvPr/>
        </p:nvSpPr>
        <p:spPr>
          <a:xfrm rot="16200000">
            <a:off x="931567" y="-495670"/>
            <a:ext cx="6462460" cy="832559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xmlns="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xmlns="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xmlns="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342900" indent="-342900">
              <a:buAutoNum type="arabicPeriod"/>
            </a:pPr>
            <a:r>
              <a:rPr lang="it-IT" sz="1400" dirty="0"/>
              <a:t>https://unsplash.com/photos/FumjLlfuvhg</a:t>
            </a:r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xmlns="" id="{27186AD6-060E-4A5F-9A0A-AF35D77334FB}"/>
              </a:ext>
            </a:extLst>
          </p:cNvPr>
          <p:cNvSpPr txBox="1"/>
          <p:nvPr/>
        </p:nvSpPr>
        <p:spPr>
          <a:xfrm>
            <a:off x="2690666" y="912145"/>
            <a:ext cx="54987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BYOD</a:t>
            </a:r>
          </a:p>
        </p:txBody>
      </p:sp>
      <p:sp>
        <p:nvSpPr>
          <p:cNvPr id="17" name="Rettangolo 16"/>
          <p:cNvSpPr/>
          <p:nvPr/>
        </p:nvSpPr>
        <p:spPr>
          <a:xfrm>
            <a:off x="2204756" y="1455828"/>
            <a:ext cx="281359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i="1" dirty="0"/>
              <a:t>Bring Your Own Device </a:t>
            </a:r>
            <a:endParaRPr lang="it-IT" i="1" dirty="0"/>
          </a:p>
        </p:txBody>
      </p:sp>
      <p:sp>
        <p:nvSpPr>
          <p:cNvPr id="18" name="CasellaDiTesto 17"/>
          <p:cNvSpPr txBox="1"/>
          <p:nvPr/>
        </p:nvSpPr>
        <p:spPr>
          <a:xfrm>
            <a:off x="2690666" y="2242423"/>
            <a:ext cx="1438214" cy="58477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r>
              <a:rPr lang="it-IT" sz="3200" dirty="0" smtClean="0"/>
              <a:t>RISCHI</a:t>
            </a:r>
            <a:endParaRPr lang="it-IT" sz="3200" dirty="0"/>
          </a:p>
        </p:txBody>
      </p:sp>
      <p:sp>
        <p:nvSpPr>
          <p:cNvPr id="19" name="Goccia 18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29135" y="4165905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1" name="Goccia 20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243136" y="3311957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2" name="CasellaDiTesto 21"/>
          <p:cNvSpPr txBox="1"/>
          <p:nvPr/>
        </p:nvSpPr>
        <p:spPr>
          <a:xfrm>
            <a:off x="731314" y="3154617"/>
            <a:ext cx="7193485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U</a:t>
            </a:r>
            <a:r>
              <a:rPr lang="en-US" dirty="0" err="1" smtClean="0"/>
              <a:t>so</a:t>
            </a:r>
            <a:r>
              <a:rPr lang="en-US" dirty="0" smtClean="0"/>
              <a:t> </a:t>
            </a:r>
            <a:r>
              <a:rPr lang="en-US" dirty="0" err="1"/>
              <a:t>promiscuo</a:t>
            </a:r>
            <a:r>
              <a:rPr lang="en-US" dirty="0"/>
              <a:t> e </a:t>
            </a:r>
            <a:r>
              <a:rPr lang="en-US" dirty="0" err="1"/>
              <a:t>contemporanea</a:t>
            </a:r>
            <a:r>
              <a:rPr lang="en-US" dirty="0"/>
              <a:t> </a:t>
            </a:r>
            <a:r>
              <a:rPr lang="en-US" dirty="0" err="1"/>
              <a:t>presenza</a:t>
            </a:r>
            <a:r>
              <a:rPr lang="en-US" dirty="0"/>
              <a:t> di </a:t>
            </a:r>
            <a:r>
              <a:rPr lang="en-US" dirty="0" err="1"/>
              <a:t>informazioni</a:t>
            </a:r>
            <a:r>
              <a:rPr lang="en-US" dirty="0"/>
              <a:t> </a:t>
            </a:r>
            <a:r>
              <a:rPr lang="en-US" dirty="0" err="1"/>
              <a:t>personali</a:t>
            </a:r>
            <a:r>
              <a:rPr lang="en-US" dirty="0"/>
              <a:t> e </a:t>
            </a:r>
            <a:r>
              <a:rPr lang="en-US" dirty="0" err="1"/>
              <a:t>aziendali</a:t>
            </a:r>
            <a:r>
              <a:rPr lang="en-US" dirty="0"/>
              <a:t> </a:t>
            </a:r>
            <a:r>
              <a:rPr lang="en-US" dirty="0" err="1"/>
              <a:t>sullo</a:t>
            </a:r>
            <a:r>
              <a:rPr lang="en-US" dirty="0"/>
              <a:t> </a:t>
            </a:r>
            <a:r>
              <a:rPr lang="en-US" dirty="0" err="1"/>
              <a:t>stesso</a:t>
            </a:r>
            <a:r>
              <a:rPr lang="en-US" dirty="0"/>
              <a:t> </a:t>
            </a:r>
            <a:r>
              <a:rPr lang="en-US" dirty="0" err="1" smtClean="0"/>
              <a:t>dispositivo</a:t>
            </a:r>
            <a:endParaRPr lang="en-US" dirty="0"/>
          </a:p>
          <a:p>
            <a:endParaRPr lang="en-US" dirty="0" smtClean="0"/>
          </a:p>
          <a:p>
            <a:r>
              <a:rPr lang="en-US" dirty="0" err="1" smtClean="0"/>
              <a:t>Facilità</a:t>
            </a:r>
            <a:r>
              <a:rPr lang="en-US" dirty="0" smtClean="0"/>
              <a:t> di </a:t>
            </a:r>
            <a:r>
              <a:rPr lang="en-US" dirty="0" err="1" smtClean="0"/>
              <a:t>furto</a:t>
            </a:r>
            <a:r>
              <a:rPr lang="en-US" dirty="0" smtClean="0"/>
              <a:t> </a:t>
            </a:r>
            <a:r>
              <a:rPr lang="en-US" dirty="0"/>
              <a:t>o </a:t>
            </a:r>
            <a:r>
              <a:rPr lang="en-US" dirty="0" err="1"/>
              <a:t>smarrimento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 </a:t>
            </a:r>
            <a:r>
              <a:rPr lang="en-US" dirty="0" err="1"/>
              <a:t>personali</a:t>
            </a:r>
            <a:r>
              <a:rPr lang="en-US" dirty="0"/>
              <a:t>, in </a:t>
            </a:r>
            <a:r>
              <a:rPr lang="en-US" dirty="0" err="1"/>
              <a:t>particolare</a:t>
            </a:r>
            <a:r>
              <a:rPr lang="en-US" dirty="0"/>
              <a:t> smartphone e </a:t>
            </a:r>
            <a:r>
              <a:rPr lang="en-US" dirty="0" smtClean="0"/>
              <a:t>tablet</a:t>
            </a:r>
            <a:endParaRPr lang="en-US" dirty="0"/>
          </a:p>
          <a:p>
            <a:endParaRPr lang="en-US" dirty="0" smtClean="0"/>
          </a:p>
          <a:p>
            <a:r>
              <a:rPr lang="en-US" dirty="0" err="1" smtClean="0"/>
              <a:t>Vulnerabilità</a:t>
            </a:r>
            <a:r>
              <a:rPr lang="en-US" dirty="0" smtClean="0"/>
              <a:t> </a:t>
            </a:r>
            <a:r>
              <a:rPr lang="en-US" dirty="0" err="1"/>
              <a:t>tecniche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: </a:t>
            </a:r>
            <a:r>
              <a:rPr lang="en-US" dirty="0" err="1" smtClean="0"/>
              <a:t>progettati</a:t>
            </a:r>
            <a:r>
              <a:rPr lang="en-US" dirty="0" smtClean="0"/>
              <a:t> </a:t>
            </a:r>
            <a:r>
              <a:rPr lang="en-US" dirty="0"/>
              <a:t>per </a:t>
            </a:r>
            <a:r>
              <a:rPr lang="en-US" dirty="0" err="1"/>
              <a:t>uso</a:t>
            </a:r>
            <a:r>
              <a:rPr lang="en-US" dirty="0"/>
              <a:t> </a:t>
            </a:r>
            <a:r>
              <a:rPr lang="en-US" dirty="0" err="1" smtClean="0"/>
              <a:t>privato</a:t>
            </a:r>
            <a:r>
              <a:rPr lang="en-US" dirty="0" smtClean="0"/>
              <a:t>, con </a:t>
            </a:r>
            <a:r>
              <a:rPr lang="en-US" dirty="0" err="1"/>
              <a:t>minore</a:t>
            </a:r>
            <a:r>
              <a:rPr lang="en-US" dirty="0"/>
              <a:t> </a:t>
            </a:r>
            <a:r>
              <a:rPr lang="en-US" dirty="0" err="1"/>
              <a:t>attenzione</a:t>
            </a:r>
            <a:r>
              <a:rPr lang="en-US" dirty="0"/>
              <a:t> </a:t>
            </a:r>
            <a:r>
              <a:rPr lang="en-US" dirty="0" err="1"/>
              <a:t>all’infrastruttura</a:t>
            </a:r>
            <a:r>
              <a:rPr lang="en-US" dirty="0"/>
              <a:t> di </a:t>
            </a:r>
            <a:r>
              <a:rPr lang="en-US" dirty="0" err="1"/>
              <a:t>sicurezza</a:t>
            </a:r>
            <a:r>
              <a:rPr lang="en-US" dirty="0"/>
              <a:t> a </a:t>
            </a:r>
            <a:r>
              <a:rPr lang="en-US" dirty="0" err="1"/>
              <a:t>favore</a:t>
            </a:r>
            <a:r>
              <a:rPr lang="en-US" dirty="0"/>
              <a:t> </a:t>
            </a:r>
            <a:r>
              <a:rPr lang="en-US" dirty="0" err="1"/>
              <a:t>della</a:t>
            </a:r>
            <a:r>
              <a:rPr lang="en-US" dirty="0"/>
              <a:t> </a:t>
            </a:r>
            <a:r>
              <a:rPr lang="en-US" dirty="0" err="1"/>
              <a:t>facilità</a:t>
            </a:r>
            <a:r>
              <a:rPr lang="en-US" dirty="0"/>
              <a:t> di </a:t>
            </a:r>
            <a:r>
              <a:rPr lang="en-US" dirty="0" err="1" smtClean="0"/>
              <a:t>utilizzo</a:t>
            </a:r>
            <a:endParaRPr lang="en-US" dirty="0"/>
          </a:p>
        </p:txBody>
      </p:sp>
      <p:sp>
        <p:nvSpPr>
          <p:cNvPr id="23" name="Goccia 22">
            <a:extLst>
              <a:ext uri="{FF2B5EF4-FFF2-40B4-BE49-F238E27FC236}">
                <a16:creationId xmlns:a16="http://schemas.microsoft.com/office/drawing/2014/main" xmlns="" id="{ED34B437-BD07-4240-B46E-68949A03EE44}"/>
              </a:ext>
            </a:extLst>
          </p:cNvPr>
          <p:cNvSpPr/>
          <p:nvPr/>
        </p:nvSpPr>
        <p:spPr>
          <a:xfrm rot="1905374">
            <a:off x="364770" y="5188111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6146" name="Picture 2" descr="Risultati immagini per ok icon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4577" y="1024262"/>
            <a:ext cx="1486628" cy="1486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arrotondato 25"/>
          <p:cNvSpPr/>
          <p:nvPr/>
        </p:nvSpPr>
        <p:spPr>
          <a:xfrm>
            <a:off x="4239669" y="107781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4067668" y="2351757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-553525" y="428309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4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633277" y="100625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5265572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050</TotalTime>
  <Words>3904</Words>
  <Application>Microsoft Office PowerPoint</Application>
  <PresentationFormat>Personalizzato</PresentationFormat>
  <Paragraphs>533</Paragraphs>
  <Slides>17</Slides>
  <Notes>17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itoli diapositive</vt:lpstr>
      </vt:variant>
      <vt:variant>
        <vt:i4>17</vt:i4>
      </vt:variant>
    </vt:vector>
  </HeadingPairs>
  <TitlesOfParts>
    <vt:vector size="18" baseType="lpstr">
      <vt:lpstr>Ione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Gianni</cp:lastModifiedBy>
  <cp:revision>971</cp:revision>
  <dcterms:created xsi:type="dcterms:W3CDTF">2018-07-03T17:42:04Z</dcterms:created>
  <dcterms:modified xsi:type="dcterms:W3CDTF">2018-12-14T15:22:09Z</dcterms:modified>
</cp:coreProperties>
</file>